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17"/>
  </p:notesMasterIdLst>
  <p:sldIdLst>
    <p:sldId id="257" r:id="rId2"/>
    <p:sldId id="259" r:id="rId3"/>
    <p:sldId id="265" r:id="rId4"/>
    <p:sldId id="261" r:id="rId5"/>
    <p:sldId id="262" r:id="rId6"/>
    <p:sldId id="273" r:id="rId7"/>
    <p:sldId id="286" r:id="rId8"/>
    <p:sldId id="258" r:id="rId9"/>
    <p:sldId id="274" r:id="rId10"/>
    <p:sldId id="275" r:id="rId11"/>
    <p:sldId id="276" r:id="rId12"/>
    <p:sldId id="277" r:id="rId13"/>
    <p:sldId id="278" r:id="rId14"/>
    <p:sldId id="283" r:id="rId15"/>
    <p:sldId id="279" r:id="rId16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000" autoAdjust="0"/>
    <p:restoredTop sz="94660"/>
  </p:normalViewPr>
  <p:slideViewPr>
    <p:cSldViewPr snapToGrid="0">
      <p:cViewPr varScale="1">
        <p:scale>
          <a:sx n="73" d="100"/>
          <a:sy n="73" d="100"/>
        </p:scale>
        <p:origin x="618" y="8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presProps" Target="presProps.xml"/><Relationship Id="rId3" Type="http://schemas.openxmlformats.org/officeDocument/2006/relationships/slide" Target="slides/slide2.xml"/><Relationship Id="rId21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theme" Target="theme/them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10" Type="http://schemas.openxmlformats.org/officeDocument/2006/relationships/slide" Target="slides/slide9.xml"/><Relationship Id="rId19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27F7B4C0-7F23-4412-94D4-CF1F9A77E5A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FF005A99-56FE-4F13-A96D-47E6951EABCA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1825737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446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47" name="Google Shape;447;gded0d38746_0_127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448" name="Google Shape;448;gded0d38746_0_127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82151846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57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72" name="Google Shape;572;gded0d38746_0_245:notes"/>
          <p:cNvSpPr>
            <a:spLocks noGrp="1" noRot="1" noChangeAspect="1"/>
          </p:cNvSpPr>
          <p:nvPr>
            <p:ph type="sldImg" idx="2"/>
          </p:nvPr>
        </p:nvSpPr>
        <p:spPr>
          <a:xfrm>
            <a:off x="381000" y="685800"/>
            <a:ext cx="6096000" cy="34290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</p:spPr>
      </p:sp>
      <p:sp>
        <p:nvSpPr>
          <p:cNvPr id="573" name="Google Shape;573;gded0d38746_0_245:notes"/>
          <p:cNvSpPr txBox="1">
            <a:spLocks noGrp="1"/>
          </p:cNvSpPr>
          <p:nvPr>
            <p:ph type="body" idx="1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spcFirstLastPara="1" wrap="square" lIns="91425" tIns="91425" rIns="91425" bIns="91425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</p:spTree>
    <p:extLst>
      <p:ext uri="{BB962C8B-B14F-4D97-AF65-F5344CB8AC3E}">
        <p14:creationId xmlns:p14="http://schemas.microsoft.com/office/powerpoint/2010/main" val="3896304905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7">
            <a:extLst>
              <a:ext uri="{FF2B5EF4-FFF2-40B4-BE49-F238E27FC236}">
                <a16:creationId xmlns:a16="http://schemas.microsoft.com/office/drawing/2014/main" id="{FD6EB85B-B417-4812-A82E-9A8B76E0E404}"/>
              </a:ext>
            </a:extLst>
          </p:cNvPr>
          <p:cNvSpPr>
            <a:spLocks noGrp="1" noChangeArrowheads="1"/>
          </p:cNvSpPr>
          <p:nvPr>
            <p:ph type="sldNum" sz="quarter" idx="5"/>
          </p:nvPr>
        </p:nvSpPr>
        <p:spPr>
          <a:ln/>
        </p:spPr>
        <p:txBody>
          <a:bodyPr/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fld id="{C8C199AE-D5F3-4E45-B89C-868DEB0ED720}" type="slidenum">
              <a:rPr kumimoji="0" lang="en-GB" altLang="en-US" sz="1200" b="0" i="0" u="none" strike="noStrike" kern="1200" cap="none" spc="0" normalizeH="0" baseline="0" noProof="0">
                <a:ln>
                  <a:noFill/>
                </a:ln>
                <a:solidFill>
                  <a:prstClr val="black"/>
                </a:solidFill>
                <a:effectLst/>
                <a:uLnTx/>
                <a:uFillTx/>
                <a:latin typeface="Calibri"/>
                <a:ea typeface="+mn-ea"/>
                <a:cs typeface="+mn-cs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Tx/>
                <a:buSzTx/>
                <a:buFontTx/>
                <a:buNone/>
                <a:tabLst/>
                <a:defRPr/>
              </a:pPr>
              <a:t>14</a:t>
            </a:fld>
            <a:endParaRPr kumimoji="0" lang="en-GB" altLang="en-US" sz="1200" b="0" i="0" u="none" strike="noStrike" kern="1200" cap="none" spc="0" normalizeH="0" baseline="0" noProof="0">
              <a:ln>
                <a:noFill/>
              </a:ln>
              <a:solidFill>
                <a:prstClr val="black"/>
              </a:solidFill>
              <a:effectLst/>
              <a:uLnTx/>
              <a:uFillTx/>
              <a:latin typeface="Calibri"/>
              <a:ea typeface="+mn-ea"/>
              <a:cs typeface="+mn-cs"/>
            </a:endParaRPr>
          </a:p>
        </p:txBody>
      </p:sp>
      <p:sp>
        <p:nvSpPr>
          <p:cNvPr id="50178" name="Rectangle 2">
            <a:extLst>
              <a:ext uri="{FF2B5EF4-FFF2-40B4-BE49-F238E27FC236}">
                <a16:creationId xmlns:a16="http://schemas.microsoft.com/office/drawing/2014/main" id="{CA2F1206-5069-4235-B943-7DE21A364DB8}"/>
              </a:ext>
            </a:extLst>
          </p:cNvPr>
          <p:cNvSpPr>
            <a:spLocks noGrp="1" noRot="1" noChangeAspect="1" noChangeArrowheads="1" noTextEdit="1"/>
          </p:cNvSpPr>
          <p:nvPr>
            <p:ph type="sldImg"/>
          </p:nvPr>
        </p:nvSpPr>
        <p:spPr>
          <a:ln/>
        </p:spPr>
      </p:sp>
      <p:sp>
        <p:nvSpPr>
          <p:cNvPr id="50179" name="Rectangle 3">
            <a:extLst>
              <a:ext uri="{FF2B5EF4-FFF2-40B4-BE49-F238E27FC236}">
                <a16:creationId xmlns:a16="http://schemas.microsoft.com/office/drawing/2014/main" id="{3187FE6C-2546-4D55-8C20-5AAEC885FB78}"/>
              </a:ext>
            </a:extLst>
          </p:cNvPr>
          <p:cNvSpPr>
            <a:spLocks noGrp="1" noChangeArrowheads="1"/>
          </p:cNvSpPr>
          <p:nvPr>
            <p:ph type="body" idx="1"/>
          </p:nvPr>
        </p:nvSpPr>
        <p:spPr/>
        <p:txBody>
          <a:bodyPr/>
          <a:lstStyle/>
          <a:p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181318498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037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38" name="Google Shape;1038;p20:notes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1039" name="Google Shape;1039;p20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1040" name="Google Shape;1040;p20:notes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Tx/>
              <a:buFont typeface="Arial"/>
              <a:buNone/>
              <a:tabLst/>
              <a:defRPr/>
            </a:pPr>
            <a:fld id="{00000000-1234-1234-1234-123412341234}" type="slidenum">
              <a:rPr kumimoji="0" lang="en-US" sz="1400" b="0" i="0" u="none" strike="noStrike" kern="0" cap="none" spc="0" normalizeH="0" baseline="0" noProof="0">
                <a:ln>
                  <a:noFill/>
                </a:ln>
                <a:solidFill>
                  <a:srgbClr val="000000"/>
                </a:solidFill>
                <a:effectLst/>
                <a:uLnTx/>
                <a:uFillTx/>
                <a:latin typeface="Arial"/>
                <a:cs typeface="Arial"/>
                <a:sym typeface="Arial"/>
              </a:rPr>
              <a:pPr marL="0" marR="0" lvl="0" indent="0" algn="r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t>15</a:t>
            </a:fld>
            <a:endParaRPr kumimoji="0" sz="1400" b="0" i="0" u="none" strike="noStrike" kern="0" cap="none" spc="0" normalizeH="0" baseline="0" noProof="0">
              <a:ln>
                <a:noFill/>
              </a:ln>
              <a:solidFill>
                <a:srgbClr val="000000"/>
              </a:solidFill>
              <a:effectLst/>
              <a:uLnTx/>
              <a:uFillTx/>
              <a:latin typeface="Arial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39791074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52490672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72179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1153901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matchingName="Blank with leaves">
  <p:cSld name="Blank with leaves">
    <p:bg>
      <p:bgPr>
        <a:solidFill>
          <a:schemeClr val="accent1"/>
        </a:solidFill>
        <a:effectLst/>
      </p:bgPr>
    </p:bg>
    <p:spTree>
      <p:nvGrpSpPr>
        <p:cNvPr id="1" name="Shape 92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3" name="Google Shape;93;p12"/>
          <p:cNvSpPr txBox="1">
            <a:spLocks noGrp="1"/>
          </p:cNvSpPr>
          <p:nvPr>
            <p:ph type="sldNum" idx="12"/>
          </p:nvPr>
        </p:nvSpPr>
        <p:spPr>
          <a:xfrm>
            <a:off x="101612" y="6333135"/>
            <a:ext cx="731600" cy="524800"/>
          </a:xfrm>
          <a:prstGeom prst="rect">
            <a:avLst/>
          </a:prstGeom>
        </p:spPr>
        <p:txBody>
          <a:bodyPr spcFirstLastPara="1" wrap="square" lIns="91425" tIns="91425" rIns="91425" bIns="91425" anchor="ctr" anchorCtr="0">
            <a:noAutofit/>
          </a:bodyPr>
          <a:lstStyle>
            <a:lvl1pPr lvl="0" rtl="0">
              <a:buNone/>
              <a:defRPr>
                <a:solidFill>
                  <a:srgbClr val="FFFFFF"/>
                </a:solidFill>
              </a:defRPr>
            </a:lvl1pPr>
            <a:lvl2pPr lvl="1" rtl="0">
              <a:buNone/>
              <a:defRPr>
                <a:solidFill>
                  <a:srgbClr val="FFFFFF"/>
                </a:solidFill>
              </a:defRPr>
            </a:lvl2pPr>
            <a:lvl3pPr lvl="2" rtl="0">
              <a:buNone/>
              <a:defRPr>
                <a:solidFill>
                  <a:srgbClr val="FFFFFF"/>
                </a:solidFill>
              </a:defRPr>
            </a:lvl3pPr>
            <a:lvl4pPr lvl="3" rtl="0">
              <a:buNone/>
              <a:defRPr>
                <a:solidFill>
                  <a:srgbClr val="FFFFFF"/>
                </a:solidFill>
              </a:defRPr>
            </a:lvl4pPr>
            <a:lvl5pPr lvl="4" rtl="0">
              <a:buNone/>
              <a:defRPr>
                <a:solidFill>
                  <a:srgbClr val="FFFFFF"/>
                </a:solidFill>
              </a:defRPr>
            </a:lvl5pPr>
            <a:lvl6pPr lvl="5" rtl="0">
              <a:buNone/>
              <a:defRPr>
                <a:solidFill>
                  <a:srgbClr val="FFFFFF"/>
                </a:solidFill>
              </a:defRPr>
            </a:lvl6pPr>
            <a:lvl7pPr lvl="6" rtl="0">
              <a:buNone/>
              <a:defRPr>
                <a:solidFill>
                  <a:srgbClr val="FFFFFF"/>
                </a:solidFill>
              </a:defRPr>
            </a:lvl7pPr>
            <a:lvl8pPr lvl="7" rtl="0">
              <a:buNone/>
              <a:defRPr>
                <a:solidFill>
                  <a:srgbClr val="FFFFFF"/>
                </a:solidFill>
              </a:defRPr>
            </a:lvl8pPr>
            <a:lvl9pPr lvl="8" rtl="0">
              <a:buNone/>
              <a:defRPr>
                <a:solidFill>
                  <a:srgbClr val="FFFFFF"/>
                </a:solidFill>
              </a:defRPr>
            </a:lvl9pPr>
          </a:lstStyle>
          <a:p>
            <a:pPr>
              <a:spcBef>
                <a:spcPts val="0"/>
              </a:spcBef>
              <a:spcAft>
                <a:spcPts val="0"/>
              </a:spcAft>
            </a:pPr>
            <a:fld id="{00000000-1234-1234-1234-123412341234}" type="slidenum">
              <a:rPr lang="en" smtClean="0"/>
              <a:pPr>
                <a:spcBef>
                  <a:spcPts val="0"/>
                </a:spcBef>
                <a:spcAft>
                  <a:spcPts val="0"/>
                </a:spcAft>
              </a:pPr>
              <a:t>‹#›</a:t>
            </a:fld>
            <a:endParaRPr lang="en"/>
          </a:p>
        </p:txBody>
      </p:sp>
      <p:sp>
        <p:nvSpPr>
          <p:cNvPr id="94" name="Google Shape;94;p12"/>
          <p:cNvSpPr/>
          <p:nvPr/>
        </p:nvSpPr>
        <p:spPr>
          <a:xfrm rot="3560713">
            <a:off x="10559973" y="5519878"/>
            <a:ext cx="1506345" cy="914245"/>
          </a:xfrm>
          <a:custGeom>
            <a:avLst/>
            <a:gdLst/>
            <a:ahLst/>
            <a:cxnLst/>
            <a:rect l="l" t="t" r="r" b="b"/>
            <a:pathLst>
              <a:path w="15412" h="9354" extrusionOk="0">
                <a:moveTo>
                  <a:pt x="6224" y="1"/>
                </a:moveTo>
                <a:lnTo>
                  <a:pt x="5800" y="19"/>
                </a:lnTo>
                <a:lnTo>
                  <a:pt x="5377" y="75"/>
                </a:lnTo>
                <a:lnTo>
                  <a:pt x="4972" y="148"/>
                </a:lnTo>
                <a:lnTo>
                  <a:pt x="4659" y="240"/>
                </a:lnTo>
                <a:lnTo>
                  <a:pt x="4346" y="332"/>
                </a:lnTo>
                <a:lnTo>
                  <a:pt x="4051" y="424"/>
                </a:lnTo>
                <a:lnTo>
                  <a:pt x="3775" y="553"/>
                </a:lnTo>
                <a:lnTo>
                  <a:pt x="3517" y="682"/>
                </a:lnTo>
                <a:lnTo>
                  <a:pt x="3260" y="829"/>
                </a:lnTo>
                <a:lnTo>
                  <a:pt x="3020" y="977"/>
                </a:lnTo>
                <a:lnTo>
                  <a:pt x="2781" y="1142"/>
                </a:lnTo>
                <a:lnTo>
                  <a:pt x="2560" y="1308"/>
                </a:lnTo>
                <a:lnTo>
                  <a:pt x="2357" y="1474"/>
                </a:lnTo>
                <a:lnTo>
                  <a:pt x="2155" y="1658"/>
                </a:lnTo>
                <a:lnTo>
                  <a:pt x="1971" y="1842"/>
                </a:lnTo>
                <a:lnTo>
                  <a:pt x="1621" y="2247"/>
                </a:lnTo>
                <a:lnTo>
                  <a:pt x="1308" y="2652"/>
                </a:lnTo>
                <a:lnTo>
                  <a:pt x="1050" y="3057"/>
                </a:lnTo>
                <a:lnTo>
                  <a:pt x="811" y="3462"/>
                </a:lnTo>
                <a:lnTo>
                  <a:pt x="608" y="3867"/>
                </a:lnTo>
                <a:lnTo>
                  <a:pt x="424" y="4254"/>
                </a:lnTo>
                <a:lnTo>
                  <a:pt x="295" y="4622"/>
                </a:lnTo>
                <a:lnTo>
                  <a:pt x="166" y="4954"/>
                </a:lnTo>
                <a:lnTo>
                  <a:pt x="1" y="5524"/>
                </a:lnTo>
                <a:lnTo>
                  <a:pt x="10735" y="3628"/>
                </a:lnTo>
                <a:lnTo>
                  <a:pt x="10735" y="3628"/>
                </a:lnTo>
                <a:lnTo>
                  <a:pt x="166" y="6353"/>
                </a:lnTo>
                <a:lnTo>
                  <a:pt x="535" y="6795"/>
                </a:lnTo>
                <a:lnTo>
                  <a:pt x="792" y="7053"/>
                </a:lnTo>
                <a:lnTo>
                  <a:pt x="1069" y="7329"/>
                </a:lnTo>
                <a:lnTo>
                  <a:pt x="1382" y="7605"/>
                </a:lnTo>
                <a:lnTo>
                  <a:pt x="1731" y="7899"/>
                </a:lnTo>
                <a:lnTo>
                  <a:pt x="2118" y="8176"/>
                </a:lnTo>
                <a:lnTo>
                  <a:pt x="2542" y="8433"/>
                </a:lnTo>
                <a:lnTo>
                  <a:pt x="2983" y="8691"/>
                </a:lnTo>
                <a:lnTo>
                  <a:pt x="3462" y="8894"/>
                </a:lnTo>
                <a:lnTo>
                  <a:pt x="3720" y="9004"/>
                </a:lnTo>
                <a:lnTo>
                  <a:pt x="3978" y="9078"/>
                </a:lnTo>
                <a:lnTo>
                  <a:pt x="4235" y="9151"/>
                </a:lnTo>
                <a:lnTo>
                  <a:pt x="4512" y="9225"/>
                </a:lnTo>
                <a:lnTo>
                  <a:pt x="4806" y="9280"/>
                </a:lnTo>
                <a:lnTo>
                  <a:pt x="5082" y="9317"/>
                </a:lnTo>
                <a:lnTo>
                  <a:pt x="5377" y="9336"/>
                </a:lnTo>
                <a:lnTo>
                  <a:pt x="5672" y="9354"/>
                </a:lnTo>
                <a:lnTo>
                  <a:pt x="5985" y="9336"/>
                </a:lnTo>
                <a:lnTo>
                  <a:pt x="6298" y="9317"/>
                </a:lnTo>
                <a:lnTo>
                  <a:pt x="6611" y="9280"/>
                </a:lnTo>
                <a:lnTo>
                  <a:pt x="6942" y="9207"/>
                </a:lnTo>
                <a:lnTo>
                  <a:pt x="7347" y="9115"/>
                </a:lnTo>
                <a:lnTo>
                  <a:pt x="7752" y="8986"/>
                </a:lnTo>
                <a:lnTo>
                  <a:pt x="8139" y="8838"/>
                </a:lnTo>
                <a:lnTo>
                  <a:pt x="8544" y="8654"/>
                </a:lnTo>
                <a:lnTo>
                  <a:pt x="8930" y="8470"/>
                </a:lnTo>
                <a:lnTo>
                  <a:pt x="9317" y="8249"/>
                </a:lnTo>
                <a:lnTo>
                  <a:pt x="9704" y="8028"/>
                </a:lnTo>
                <a:lnTo>
                  <a:pt x="10072" y="7789"/>
                </a:lnTo>
                <a:lnTo>
                  <a:pt x="10440" y="7531"/>
                </a:lnTo>
                <a:lnTo>
                  <a:pt x="10808" y="7273"/>
                </a:lnTo>
                <a:lnTo>
                  <a:pt x="11158" y="6997"/>
                </a:lnTo>
                <a:lnTo>
                  <a:pt x="11508" y="6721"/>
                </a:lnTo>
                <a:lnTo>
                  <a:pt x="12171" y="6150"/>
                </a:lnTo>
                <a:lnTo>
                  <a:pt x="12797" y="5561"/>
                </a:lnTo>
                <a:lnTo>
                  <a:pt x="13349" y="5009"/>
                </a:lnTo>
                <a:lnTo>
                  <a:pt x="13865" y="4456"/>
                </a:lnTo>
                <a:lnTo>
                  <a:pt x="14325" y="3959"/>
                </a:lnTo>
                <a:lnTo>
                  <a:pt x="14693" y="3517"/>
                </a:lnTo>
                <a:lnTo>
                  <a:pt x="15227" y="2873"/>
                </a:lnTo>
                <a:lnTo>
                  <a:pt x="15411" y="2615"/>
                </a:lnTo>
                <a:lnTo>
                  <a:pt x="15154" y="2486"/>
                </a:lnTo>
                <a:lnTo>
                  <a:pt x="14399" y="2100"/>
                </a:lnTo>
                <a:lnTo>
                  <a:pt x="13865" y="1860"/>
                </a:lnTo>
                <a:lnTo>
                  <a:pt x="13239" y="1603"/>
                </a:lnTo>
                <a:lnTo>
                  <a:pt x="12558" y="1327"/>
                </a:lnTo>
                <a:lnTo>
                  <a:pt x="11803" y="1032"/>
                </a:lnTo>
                <a:lnTo>
                  <a:pt x="11011" y="774"/>
                </a:lnTo>
                <a:lnTo>
                  <a:pt x="10164" y="535"/>
                </a:lnTo>
                <a:lnTo>
                  <a:pt x="9741" y="406"/>
                </a:lnTo>
                <a:lnTo>
                  <a:pt x="9299" y="314"/>
                </a:lnTo>
                <a:lnTo>
                  <a:pt x="8857" y="222"/>
                </a:lnTo>
                <a:lnTo>
                  <a:pt x="8415" y="148"/>
                </a:lnTo>
                <a:lnTo>
                  <a:pt x="7973" y="75"/>
                </a:lnTo>
                <a:lnTo>
                  <a:pt x="7531" y="38"/>
                </a:lnTo>
                <a:lnTo>
                  <a:pt x="7089" y="1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5" name="Google Shape;95;p12"/>
          <p:cNvSpPr/>
          <p:nvPr/>
        </p:nvSpPr>
        <p:spPr>
          <a:xfrm rot="1619439">
            <a:off x="10025215" y="5284451"/>
            <a:ext cx="586803" cy="876392"/>
          </a:xfrm>
          <a:custGeom>
            <a:avLst/>
            <a:gdLst/>
            <a:ahLst/>
            <a:cxnLst/>
            <a:rect l="l" t="t" r="r" b="b"/>
            <a:pathLst>
              <a:path w="6004" h="8967" extrusionOk="0">
                <a:moveTo>
                  <a:pt x="4383" y="0"/>
                </a:moveTo>
                <a:lnTo>
                  <a:pt x="4015" y="19"/>
                </a:lnTo>
                <a:lnTo>
                  <a:pt x="3757" y="56"/>
                </a:lnTo>
                <a:lnTo>
                  <a:pt x="3481" y="93"/>
                </a:lnTo>
                <a:lnTo>
                  <a:pt x="3168" y="166"/>
                </a:lnTo>
                <a:lnTo>
                  <a:pt x="2836" y="258"/>
                </a:lnTo>
                <a:lnTo>
                  <a:pt x="2486" y="387"/>
                </a:lnTo>
                <a:lnTo>
                  <a:pt x="2137" y="534"/>
                </a:lnTo>
                <a:lnTo>
                  <a:pt x="1787" y="737"/>
                </a:lnTo>
                <a:lnTo>
                  <a:pt x="1621" y="847"/>
                </a:lnTo>
                <a:lnTo>
                  <a:pt x="1455" y="958"/>
                </a:lnTo>
                <a:lnTo>
                  <a:pt x="1290" y="1087"/>
                </a:lnTo>
                <a:lnTo>
                  <a:pt x="1142" y="1234"/>
                </a:lnTo>
                <a:lnTo>
                  <a:pt x="995" y="1400"/>
                </a:lnTo>
                <a:lnTo>
                  <a:pt x="848" y="1565"/>
                </a:lnTo>
                <a:lnTo>
                  <a:pt x="719" y="1750"/>
                </a:lnTo>
                <a:lnTo>
                  <a:pt x="590" y="1934"/>
                </a:lnTo>
                <a:lnTo>
                  <a:pt x="480" y="2155"/>
                </a:lnTo>
                <a:lnTo>
                  <a:pt x="369" y="2376"/>
                </a:lnTo>
                <a:lnTo>
                  <a:pt x="277" y="2615"/>
                </a:lnTo>
                <a:lnTo>
                  <a:pt x="203" y="2854"/>
                </a:lnTo>
                <a:lnTo>
                  <a:pt x="148" y="3112"/>
                </a:lnTo>
                <a:lnTo>
                  <a:pt x="93" y="3370"/>
                </a:lnTo>
                <a:lnTo>
                  <a:pt x="56" y="3628"/>
                </a:lnTo>
                <a:lnTo>
                  <a:pt x="19" y="3904"/>
                </a:lnTo>
                <a:lnTo>
                  <a:pt x="1" y="4456"/>
                </a:lnTo>
                <a:lnTo>
                  <a:pt x="1" y="5008"/>
                </a:lnTo>
                <a:lnTo>
                  <a:pt x="38" y="5542"/>
                </a:lnTo>
                <a:lnTo>
                  <a:pt x="93" y="6076"/>
                </a:lnTo>
                <a:lnTo>
                  <a:pt x="185" y="6592"/>
                </a:lnTo>
                <a:lnTo>
                  <a:pt x="277" y="7089"/>
                </a:lnTo>
                <a:lnTo>
                  <a:pt x="369" y="7531"/>
                </a:lnTo>
                <a:lnTo>
                  <a:pt x="553" y="8286"/>
                </a:lnTo>
                <a:lnTo>
                  <a:pt x="701" y="8783"/>
                </a:lnTo>
                <a:lnTo>
                  <a:pt x="756" y="8967"/>
                </a:lnTo>
                <a:lnTo>
                  <a:pt x="940" y="8875"/>
                </a:lnTo>
                <a:lnTo>
                  <a:pt x="1400" y="8636"/>
                </a:lnTo>
                <a:lnTo>
                  <a:pt x="2063" y="8249"/>
                </a:lnTo>
                <a:lnTo>
                  <a:pt x="2450" y="7991"/>
                </a:lnTo>
                <a:lnTo>
                  <a:pt x="2855" y="7715"/>
                </a:lnTo>
                <a:lnTo>
                  <a:pt x="3278" y="7420"/>
                </a:lnTo>
                <a:lnTo>
                  <a:pt x="3702" y="7089"/>
                </a:lnTo>
                <a:lnTo>
                  <a:pt x="4125" y="6721"/>
                </a:lnTo>
                <a:lnTo>
                  <a:pt x="4512" y="6334"/>
                </a:lnTo>
                <a:lnTo>
                  <a:pt x="4880" y="5947"/>
                </a:lnTo>
                <a:lnTo>
                  <a:pt x="5064" y="5727"/>
                </a:lnTo>
                <a:lnTo>
                  <a:pt x="5211" y="5524"/>
                </a:lnTo>
                <a:lnTo>
                  <a:pt x="5359" y="5303"/>
                </a:lnTo>
                <a:lnTo>
                  <a:pt x="5506" y="5082"/>
                </a:lnTo>
                <a:lnTo>
                  <a:pt x="5616" y="4843"/>
                </a:lnTo>
                <a:lnTo>
                  <a:pt x="5727" y="4622"/>
                </a:lnTo>
                <a:lnTo>
                  <a:pt x="5819" y="4382"/>
                </a:lnTo>
                <a:lnTo>
                  <a:pt x="5893" y="4162"/>
                </a:lnTo>
                <a:lnTo>
                  <a:pt x="5929" y="3941"/>
                </a:lnTo>
                <a:lnTo>
                  <a:pt x="5966" y="3701"/>
                </a:lnTo>
                <a:lnTo>
                  <a:pt x="6003" y="3499"/>
                </a:lnTo>
                <a:lnTo>
                  <a:pt x="6003" y="3278"/>
                </a:lnTo>
                <a:lnTo>
                  <a:pt x="6003" y="3057"/>
                </a:lnTo>
                <a:lnTo>
                  <a:pt x="5985" y="2854"/>
                </a:lnTo>
                <a:lnTo>
                  <a:pt x="5948" y="2652"/>
                </a:lnTo>
                <a:lnTo>
                  <a:pt x="5911" y="2449"/>
                </a:lnTo>
                <a:lnTo>
                  <a:pt x="5801" y="2063"/>
                </a:lnTo>
                <a:lnTo>
                  <a:pt x="5672" y="1713"/>
                </a:lnTo>
                <a:lnTo>
                  <a:pt x="5506" y="1381"/>
                </a:lnTo>
                <a:lnTo>
                  <a:pt x="5340" y="1087"/>
                </a:lnTo>
                <a:lnTo>
                  <a:pt x="5175" y="811"/>
                </a:lnTo>
                <a:lnTo>
                  <a:pt x="5009" y="571"/>
                </a:lnTo>
                <a:lnTo>
                  <a:pt x="4843" y="369"/>
                </a:lnTo>
                <a:lnTo>
                  <a:pt x="4604" y="93"/>
                </a:lnTo>
                <a:lnTo>
                  <a:pt x="4512" y="0"/>
                </a:ln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6" name="Google Shape;96;p12"/>
          <p:cNvSpPr/>
          <p:nvPr/>
        </p:nvSpPr>
        <p:spPr>
          <a:xfrm rot="-5564790">
            <a:off x="1542405" y="282001"/>
            <a:ext cx="896047" cy="715769"/>
          </a:xfrm>
          <a:custGeom>
            <a:avLst/>
            <a:gdLst/>
            <a:ahLst/>
            <a:cxnLst/>
            <a:rect l="l" t="t" r="r" b="b"/>
            <a:pathLst>
              <a:path w="13184" h="10532" extrusionOk="0">
                <a:moveTo>
                  <a:pt x="4640" y="0"/>
                </a:moveTo>
                <a:lnTo>
                  <a:pt x="4107" y="19"/>
                </a:lnTo>
                <a:lnTo>
                  <a:pt x="3609" y="55"/>
                </a:lnTo>
                <a:lnTo>
                  <a:pt x="3112" y="147"/>
                </a:lnTo>
                <a:lnTo>
                  <a:pt x="2652" y="240"/>
                </a:lnTo>
                <a:lnTo>
                  <a:pt x="2229" y="368"/>
                </a:lnTo>
                <a:lnTo>
                  <a:pt x="1823" y="497"/>
                </a:lnTo>
                <a:lnTo>
                  <a:pt x="1455" y="645"/>
                </a:lnTo>
                <a:lnTo>
                  <a:pt x="1124" y="792"/>
                </a:lnTo>
                <a:lnTo>
                  <a:pt x="608" y="1050"/>
                </a:lnTo>
                <a:lnTo>
                  <a:pt x="9280" y="7659"/>
                </a:lnTo>
                <a:lnTo>
                  <a:pt x="93" y="1731"/>
                </a:lnTo>
                <a:lnTo>
                  <a:pt x="38" y="2302"/>
                </a:lnTo>
                <a:lnTo>
                  <a:pt x="1" y="2651"/>
                </a:lnTo>
                <a:lnTo>
                  <a:pt x="1" y="3038"/>
                </a:lnTo>
                <a:lnTo>
                  <a:pt x="1" y="3480"/>
                </a:lnTo>
                <a:lnTo>
                  <a:pt x="38" y="3922"/>
                </a:lnTo>
                <a:lnTo>
                  <a:pt x="93" y="4401"/>
                </a:lnTo>
                <a:lnTo>
                  <a:pt x="166" y="4879"/>
                </a:lnTo>
                <a:lnTo>
                  <a:pt x="295" y="5376"/>
                </a:lnTo>
                <a:lnTo>
                  <a:pt x="461" y="5873"/>
                </a:lnTo>
                <a:lnTo>
                  <a:pt x="553" y="6131"/>
                </a:lnTo>
                <a:lnTo>
                  <a:pt x="664" y="6389"/>
                </a:lnTo>
                <a:lnTo>
                  <a:pt x="792" y="6628"/>
                </a:lnTo>
                <a:lnTo>
                  <a:pt x="940" y="6868"/>
                </a:lnTo>
                <a:lnTo>
                  <a:pt x="1087" y="7107"/>
                </a:lnTo>
                <a:lnTo>
                  <a:pt x="1253" y="7346"/>
                </a:lnTo>
                <a:lnTo>
                  <a:pt x="1437" y="7586"/>
                </a:lnTo>
                <a:lnTo>
                  <a:pt x="1639" y="7807"/>
                </a:lnTo>
                <a:lnTo>
                  <a:pt x="1842" y="8028"/>
                </a:lnTo>
                <a:lnTo>
                  <a:pt x="2081" y="8249"/>
                </a:lnTo>
                <a:lnTo>
                  <a:pt x="2321" y="8451"/>
                </a:lnTo>
                <a:lnTo>
                  <a:pt x="2597" y="8654"/>
                </a:lnTo>
                <a:lnTo>
                  <a:pt x="2928" y="8875"/>
                </a:lnTo>
                <a:lnTo>
                  <a:pt x="3296" y="9077"/>
                </a:lnTo>
                <a:lnTo>
                  <a:pt x="3683" y="9280"/>
                </a:lnTo>
                <a:lnTo>
                  <a:pt x="4070" y="9445"/>
                </a:lnTo>
                <a:lnTo>
                  <a:pt x="4475" y="9611"/>
                </a:lnTo>
                <a:lnTo>
                  <a:pt x="4898" y="9758"/>
                </a:lnTo>
                <a:lnTo>
                  <a:pt x="5322" y="9869"/>
                </a:lnTo>
                <a:lnTo>
                  <a:pt x="5764" y="9998"/>
                </a:lnTo>
                <a:lnTo>
                  <a:pt x="6187" y="10090"/>
                </a:lnTo>
                <a:lnTo>
                  <a:pt x="6629" y="10182"/>
                </a:lnTo>
                <a:lnTo>
                  <a:pt x="7071" y="10255"/>
                </a:lnTo>
                <a:lnTo>
                  <a:pt x="7513" y="10329"/>
                </a:lnTo>
                <a:lnTo>
                  <a:pt x="8378" y="10421"/>
                </a:lnTo>
                <a:lnTo>
                  <a:pt x="9225" y="10476"/>
                </a:lnTo>
                <a:lnTo>
                  <a:pt x="10035" y="10513"/>
                </a:lnTo>
                <a:lnTo>
                  <a:pt x="10772" y="10532"/>
                </a:lnTo>
                <a:lnTo>
                  <a:pt x="11434" y="10513"/>
                </a:lnTo>
                <a:lnTo>
                  <a:pt x="12024" y="10495"/>
                </a:lnTo>
                <a:lnTo>
                  <a:pt x="12870" y="10458"/>
                </a:lnTo>
                <a:lnTo>
                  <a:pt x="13183" y="10421"/>
                </a:lnTo>
                <a:lnTo>
                  <a:pt x="13091" y="10127"/>
                </a:lnTo>
                <a:lnTo>
                  <a:pt x="12852" y="9316"/>
                </a:lnTo>
                <a:lnTo>
                  <a:pt x="12686" y="8764"/>
                </a:lnTo>
                <a:lnTo>
                  <a:pt x="12465" y="8138"/>
                </a:lnTo>
                <a:lnTo>
                  <a:pt x="12189" y="7438"/>
                </a:lnTo>
                <a:lnTo>
                  <a:pt x="11895" y="6684"/>
                </a:lnTo>
                <a:lnTo>
                  <a:pt x="11545" y="5929"/>
                </a:lnTo>
                <a:lnTo>
                  <a:pt x="11158" y="5137"/>
                </a:lnTo>
                <a:lnTo>
                  <a:pt x="10956" y="4750"/>
                </a:lnTo>
                <a:lnTo>
                  <a:pt x="10735" y="4364"/>
                </a:lnTo>
                <a:lnTo>
                  <a:pt x="10495" y="3977"/>
                </a:lnTo>
                <a:lnTo>
                  <a:pt x="10256" y="3590"/>
                </a:lnTo>
                <a:lnTo>
                  <a:pt x="9998" y="3222"/>
                </a:lnTo>
                <a:lnTo>
                  <a:pt x="9740" y="2872"/>
                </a:lnTo>
                <a:lnTo>
                  <a:pt x="9464" y="2523"/>
                </a:lnTo>
                <a:lnTo>
                  <a:pt x="9170" y="2191"/>
                </a:lnTo>
                <a:lnTo>
                  <a:pt x="8875" y="1878"/>
                </a:lnTo>
                <a:lnTo>
                  <a:pt x="8562" y="1584"/>
                </a:lnTo>
                <a:lnTo>
                  <a:pt x="8249" y="1307"/>
                </a:lnTo>
                <a:lnTo>
                  <a:pt x="7918" y="1068"/>
                </a:lnTo>
                <a:lnTo>
                  <a:pt x="7642" y="884"/>
                </a:lnTo>
                <a:lnTo>
                  <a:pt x="7365" y="718"/>
                </a:lnTo>
                <a:lnTo>
                  <a:pt x="7089" y="589"/>
                </a:lnTo>
                <a:lnTo>
                  <a:pt x="6813" y="460"/>
                </a:lnTo>
                <a:lnTo>
                  <a:pt x="6537" y="350"/>
                </a:lnTo>
                <a:lnTo>
                  <a:pt x="6261" y="258"/>
                </a:lnTo>
                <a:lnTo>
                  <a:pt x="5985" y="184"/>
                </a:lnTo>
                <a:lnTo>
                  <a:pt x="5708" y="111"/>
                </a:lnTo>
                <a:lnTo>
                  <a:pt x="5432" y="74"/>
                </a:lnTo>
                <a:lnTo>
                  <a:pt x="5174" y="37"/>
                </a:lnTo>
                <a:lnTo>
                  <a:pt x="4898" y="19"/>
                </a:lnTo>
                <a:lnTo>
                  <a:pt x="4640" y="0"/>
                </a:lnTo>
                <a:close/>
              </a:path>
            </a:pathLst>
          </a:custGeom>
          <a:solidFill>
            <a:schemeClr val="accent3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/>
          </a:p>
        </p:txBody>
      </p:sp>
      <p:sp>
        <p:nvSpPr>
          <p:cNvPr id="97" name="Google Shape;97;p12"/>
          <p:cNvSpPr/>
          <p:nvPr/>
        </p:nvSpPr>
        <p:spPr>
          <a:xfrm rot="8585060">
            <a:off x="321473" y="352438"/>
            <a:ext cx="1300879" cy="2129580"/>
          </a:xfrm>
          <a:custGeom>
            <a:avLst/>
            <a:gdLst/>
            <a:ahLst/>
            <a:cxnLst/>
            <a:rect l="l" t="t" r="r" b="b"/>
            <a:pathLst>
              <a:path w="5838" h="9557" extrusionOk="0">
                <a:moveTo>
                  <a:pt x="3628" y="0"/>
                </a:moveTo>
                <a:lnTo>
                  <a:pt x="3499" y="37"/>
                </a:lnTo>
                <a:lnTo>
                  <a:pt x="3149" y="129"/>
                </a:lnTo>
                <a:lnTo>
                  <a:pt x="2910" y="203"/>
                </a:lnTo>
                <a:lnTo>
                  <a:pt x="2634" y="313"/>
                </a:lnTo>
                <a:lnTo>
                  <a:pt x="2358" y="442"/>
                </a:lnTo>
                <a:lnTo>
                  <a:pt x="2045" y="608"/>
                </a:lnTo>
                <a:lnTo>
                  <a:pt x="1732" y="792"/>
                </a:lnTo>
                <a:lnTo>
                  <a:pt x="1419" y="1013"/>
                </a:lnTo>
                <a:lnTo>
                  <a:pt x="1124" y="1289"/>
                </a:lnTo>
                <a:lnTo>
                  <a:pt x="977" y="1418"/>
                </a:lnTo>
                <a:lnTo>
                  <a:pt x="848" y="1584"/>
                </a:lnTo>
                <a:lnTo>
                  <a:pt x="719" y="1750"/>
                </a:lnTo>
                <a:lnTo>
                  <a:pt x="590" y="1915"/>
                </a:lnTo>
                <a:lnTo>
                  <a:pt x="480" y="2099"/>
                </a:lnTo>
                <a:lnTo>
                  <a:pt x="369" y="2302"/>
                </a:lnTo>
                <a:lnTo>
                  <a:pt x="277" y="2504"/>
                </a:lnTo>
                <a:lnTo>
                  <a:pt x="203" y="2725"/>
                </a:lnTo>
                <a:lnTo>
                  <a:pt x="130" y="2946"/>
                </a:lnTo>
                <a:lnTo>
                  <a:pt x="75" y="3186"/>
                </a:lnTo>
                <a:lnTo>
                  <a:pt x="38" y="3443"/>
                </a:lnTo>
                <a:lnTo>
                  <a:pt x="19" y="3701"/>
                </a:lnTo>
                <a:lnTo>
                  <a:pt x="1" y="3959"/>
                </a:lnTo>
                <a:lnTo>
                  <a:pt x="1" y="4217"/>
                </a:lnTo>
                <a:lnTo>
                  <a:pt x="19" y="4493"/>
                </a:lnTo>
                <a:lnTo>
                  <a:pt x="56" y="4751"/>
                </a:lnTo>
                <a:lnTo>
                  <a:pt x="130" y="5303"/>
                </a:lnTo>
                <a:lnTo>
                  <a:pt x="259" y="5837"/>
                </a:lnTo>
                <a:lnTo>
                  <a:pt x="406" y="6353"/>
                </a:lnTo>
                <a:lnTo>
                  <a:pt x="572" y="6868"/>
                </a:lnTo>
                <a:lnTo>
                  <a:pt x="756" y="7365"/>
                </a:lnTo>
                <a:lnTo>
                  <a:pt x="940" y="7807"/>
                </a:lnTo>
                <a:lnTo>
                  <a:pt x="1142" y="8231"/>
                </a:lnTo>
                <a:lnTo>
                  <a:pt x="1474" y="8930"/>
                </a:lnTo>
                <a:lnTo>
                  <a:pt x="1732" y="9390"/>
                </a:lnTo>
                <a:lnTo>
                  <a:pt x="1824" y="9556"/>
                </a:lnTo>
                <a:lnTo>
                  <a:pt x="1971" y="9427"/>
                </a:lnTo>
                <a:lnTo>
                  <a:pt x="2376" y="9096"/>
                </a:lnTo>
                <a:lnTo>
                  <a:pt x="2947" y="8580"/>
                </a:lnTo>
                <a:lnTo>
                  <a:pt x="3260" y="8249"/>
                </a:lnTo>
                <a:lnTo>
                  <a:pt x="3610" y="7899"/>
                </a:lnTo>
                <a:lnTo>
                  <a:pt x="3959" y="7512"/>
                </a:lnTo>
                <a:lnTo>
                  <a:pt x="4309" y="7107"/>
                </a:lnTo>
                <a:lnTo>
                  <a:pt x="4641" y="6666"/>
                </a:lnTo>
                <a:lnTo>
                  <a:pt x="4954" y="6205"/>
                </a:lnTo>
                <a:lnTo>
                  <a:pt x="5230" y="5745"/>
                </a:lnTo>
                <a:lnTo>
                  <a:pt x="5359" y="5506"/>
                </a:lnTo>
                <a:lnTo>
                  <a:pt x="5469" y="5266"/>
                </a:lnTo>
                <a:lnTo>
                  <a:pt x="5561" y="5008"/>
                </a:lnTo>
                <a:lnTo>
                  <a:pt x="5653" y="4769"/>
                </a:lnTo>
                <a:lnTo>
                  <a:pt x="5727" y="4530"/>
                </a:lnTo>
                <a:lnTo>
                  <a:pt x="5782" y="4272"/>
                </a:lnTo>
                <a:lnTo>
                  <a:pt x="5819" y="4033"/>
                </a:lnTo>
                <a:lnTo>
                  <a:pt x="5837" y="3793"/>
                </a:lnTo>
                <a:lnTo>
                  <a:pt x="5837" y="3554"/>
                </a:lnTo>
                <a:lnTo>
                  <a:pt x="5837" y="3333"/>
                </a:lnTo>
                <a:lnTo>
                  <a:pt x="5801" y="3112"/>
                </a:lnTo>
                <a:lnTo>
                  <a:pt x="5764" y="2910"/>
                </a:lnTo>
                <a:lnTo>
                  <a:pt x="5727" y="2689"/>
                </a:lnTo>
                <a:lnTo>
                  <a:pt x="5653" y="2486"/>
                </a:lnTo>
                <a:lnTo>
                  <a:pt x="5580" y="2302"/>
                </a:lnTo>
                <a:lnTo>
                  <a:pt x="5506" y="2118"/>
                </a:lnTo>
                <a:lnTo>
                  <a:pt x="5322" y="1768"/>
                </a:lnTo>
                <a:lnTo>
                  <a:pt x="5119" y="1437"/>
                </a:lnTo>
                <a:lnTo>
                  <a:pt x="4898" y="1142"/>
                </a:lnTo>
                <a:lnTo>
                  <a:pt x="4677" y="884"/>
                </a:lnTo>
                <a:lnTo>
                  <a:pt x="4457" y="663"/>
                </a:lnTo>
                <a:lnTo>
                  <a:pt x="4236" y="461"/>
                </a:lnTo>
                <a:lnTo>
                  <a:pt x="4051" y="295"/>
                </a:lnTo>
                <a:lnTo>
                  <a:pt x="3757" y="74"/>
                </a:lnTo>
                <a:lnTo>
                  <a:pt x="3628" y="0"/>
                </a:lnTo>
                <a:close/>
              </a:path>
            </a:pathLst>
          </a:custGeom>
          <a:solidFill>
            <a:schemeClr val="accent2"/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marL="0" lvl="0" indent="0" algn="l" rtl="0">
              <a:spcBef>
                <a:spcPts val="0"/>
              </a:spcBef>
              <a:spcAft>
                <a:spcPts val="0"/>
              </a:spcAft>
              <a:buNone/>
            </a:pPr>
            <a:endParaRPr>
              <a:solidFill>
                <a:srgbClr val="51B148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88506555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3249352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133561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39468346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424532345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81607749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18836504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40848101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90535017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33E2A5E-C452-4680-A303-32FD6CA628F2}" type="datetimeFigureOut">
              <a:rPr lang="en-US" smtClean="0"/>
              <a:t>12/7/2023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8B6695C6-8DE6-498D-8CF3-2746B1E0B1A1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408529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  <p:sldLayoutId id="2147483660" r:id="rId1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audio" Target="file:///C:\Users\Admin\Downloads\BAI%20THI%20GI&#193;O%20%20&#193;N\nh&#7865;%20nh&#224;ng.mp3" TargetMode="External"/><Relationship Id="rId7" Type="http://schemas.openxmlformats.org/officeDocument/2006/relationships/image" Target="../media/image3.gif"/><Relationship Id="rId2" Type="http://schemas.microsoft.com/office/2007/relationships/media" Target="file:///C:\Users\Admin\Downloads\BAI%20THI%20GI&#193;O%20%20&#193;N\nh&#7865;%20nh&#224;ng.mp3" TargetMode="External"/><Relationship Id="rId1" Type="http://schemas.openxmlformats.org/officeDocument/2006/relationships/audio" Target="file:///C:\Users\Admin\OneDrive%20-%20Ph&#242;ng%20Gi&#225;o%20D&#7909;c%20v&#224;%20&#272;&#224;o%20T&#7841;o%20Huy&#7879;n%20Ph&#250;%20Gi&#225;o\Desktop\BAI%20THI%20GI&#193;O%20%20&#193;N\n&#7873;n.mp3" TargetMode="External"/><Relationship Id="rId6" Type="http://schemas.openxmlformats.org/officeDocument/2006/relationships/image" Target="../media/image2.jpeg"/><Relationship Id="rId5" Type="http://schemas.openxmlformats.org/officeDocument/2006/relationships/image" Target="../media/image1.png"/><Relationship Id="rId4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gif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1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gif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6.gif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gif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1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gif"/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1.xml"/><Relationship Id="rId4" Type="http://schemas.openxmlformats.org/officeDocument/2006/relationships/image" Target="../media/image16.gif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6.xml"/></Relationships>
</file>

<file path=ppt/slides/_rels/slide15.xml.rels><?xml version="1.0" encoding="UTF-8" standalone="yes"?>
<Relationships xmlns="http://schemas.openxmlformats.org/package/2006/relationships"><Relationship Id="rId8" Type="http://schemas.openxmlformats.org/officeDocument/2006/relationships/image" Target="../media/image23.png"/><Relationship Id="rId13" Type="http://schemas.openxmlformats.org/officeDocument/2006/relationships/image" Target="../media/image16.gif"/><Relationship Id="rId3" Type="http://schemas.openxmlformats.org/officeDocument/2006/relationships/image" Target="../media/image18.png"/><Relationship Id="rId7" Type="http://schemas.openxmlformats.org/officeDocument/2006/relationships/image" Target="../media/image22.png"/><Relationship Id="rId12" Type="http://schemas.openxmlformats.org/officeDocument/2006/relationships/image" Target="../media/image27.gif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1.png"/><Relationship Id="rId11" Type="http://schemas.openxmlformats.org/officeDocument/2006/relationships/image" Target="../media/image26.gif"/><Relationship Id="rId5" Type="http://schemas.openxmlformats.org/officeDocument/2006/relationships/image" Target="../media/image20.png"/><Relationship Id="rId10" Type="http://schemas.openxmlformats.org/officeDocument/2006/relationships/image" Target="../media/image25.png"/><Relationship Id="rId4" Type="http://schemas.openxmlformats.org/officeDocument/2006/relationships/image" Target="../media/image19.png"/><Relationship Id="rId9" Type="http://schemas.openxmlformats.org/officeDocument/2006/relationships/image" Target="../media/image24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jpe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5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jpeg"/><Relationship Id="rId3" Type="http://schemas.openxmlformats.org/officeDocument/2006/relationships/image" Target="../media/image7.jpeg"/><Relationship Id="rId7" Type="http://schemas.openxmlformats.org/officeDocument/2006/relationships/image" Target="../media/image11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0.jpg"/><Relationship Id="rId5" Type="http://schemas.openxmlformats.org/officeDocument/2006/relationships/image" Target="../media/image9.jpg"/><Relationship Id="rId4" Type="http://schemas.openxmlformats.org/officeDocument/2006/relationships/image" Target="../media/image8.jpg"/><Relationship Id="rId9" Type="http://schemas.openxmlformats.org/officeDocument/2006/relationships/image" Target="../media/image13.jpe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1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7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jpeg"/><Relationship Id="rId1" Type="http://schemas.openxmlformats.org/officeDocument/2006/relationships/slideLayout" Target="../slideLayouts/slideLayout2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Tr&#432;&#7901;ng%20Ti&#7875;u%20h&#7885;c%20An%20Th&#225;i-Nguy&#7877;n%20Th&#7883;%20Y&#7871;n-%20M&#7903;%20r&#7897;ng%20v&#7889;n%20t&#7915;%20H&#7841;nh%20Ph&#250;c-l&#7899;p%205%20(Published)/index.html" TargetMode="External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14.jpe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jpeg"/><Relationship Id="rId2" Type="http://schemas.openxmlformats.org/officeDocument/2006/relationships/image" Target="../media/image6.jpeg"/><Relationship Id="rId1" Type="http://schemas.openxmlformats.org/officeDocument/2006/relationships/slideLayout" Target="../slideLayouts/slideLayout1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74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 altLang="en-US" smtClean="0"/>
          </a:p>
        </p:txBody>
      </p:sp>
      <p:pic>
        <p:nvPicPr>
          <p:cNvPr id="8" name="nền.mp3">
            <a:hlinkClick r:id="" action="ppaction://media"/>
          </p:cNvPr>
          <p:cNvPicPr>
            <a:picLocks noGrp="1" noRot="1" noChangeAspect="1"/>
          </p:cNvPicPr>
          <p:nvPr>
            <p:ph idx="1"/>
            <a:audioFile r:link="rId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>
          <a:xfrm>
            <a:off x="5791200" y="3557588"/>
            <a:ext cx="609600" cy="609600"/>
          </a:xfrm>
        </p:spPr>
      </p:pic>
      <p:pic>
        <p:nvPicPr>
          <p:cNvPr id="3076" name="Picture 7" descr="999+ hình nền powerpoint tuyệt đẹp, chuyên nghiệp, ấn tượng theo chủ đề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23129" y="-62659"/>
            <a:ext cx="12192000" cy="6920659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77" name="Rectangle 4"/>
          <p:cNvSpPr>
            <a:spLocks noChangeArrowheads="1"/>
          </p:cNvSpPr>
          <p:nvPr/>
        </p:nvSpPr>
        <p:spPr bwMode="auto">
          <a:xfrm>
            <a:off x="3287714" y="549276"/>
            <a:ext cx="6923087" cy="1348061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ctr">
              <a:buNone/>
              <a:defRPr/>
            </a:pPr>
            <a:r>
              <a:rPr lang="en-US" altLang="zh-CN" sz="2400" b="1" dirty="0">
                <a:solidFill>
                  <a:srgbClr val="1616F6"/>
                </a:solidFill>
                <a:effectLst>
                  <a:outerShdw blurRad="50800" dist="50800" dir="5400000" algn="ctr" rotWithShape="0">
                    <a:srgbClr val="F29E88"/>
                  </a:outerShdw>
                </a:effectLst>
                <a:latin typeface="Times New Roman" panose="02020603050405020304" pitchFamily="18" charset="0"/>
                <a:ea typeface="汉仪娃娃篆简" panose="02010604000101010101" pitchFamily="2" charset="-122"/>
                <a:cs typeface="Times New Roman" panose="02020603050405020304" pitchFamily="18" charset="0"/>
              </a:rPr>
              <a:t>PHÒNG GIÁO DỤC VÀ ĐÀO TẠO PHÚ GIÁO</a:t>
            </a:r>
          </a:p>
          <a:p>
            <a:pPr algn="ctr">
              <a:buNone/>
              <a:defRPr/>
            </a:pPr>
            <a:r>
              <a:rPr lang="en-US" altLang="zh-CN" sz="2400" b="1" dirty="0" smtClean="0">
                <a:solidFill>
                  <a:srgbClr val="1616F6"/>
                </a:solidFill>
                <a:effectLst>
                  <a:outerShdw blurRad="50800" dist="50800" dir="5400000" algn="ctr" rotWithShape="0">
                    <a:srgbClr val="F29E88"/>
                  </a:outerShdw>
                </a:effectLst>
                <a:latin typeface="Times New Roman" panose="02020603050405020304" pitchFamily="18" charset="0"/>
                <a:ea typeface="汉仪娃娃篆简" panose="02010604000101010101" pitchFamily="2" charset="-122"/>
                <a:cs typeface="Times New Roman" panose="02020603050405020304" pitchFamily="18" charset="0"/>
              </a:rPr>
              <a:t>HỘI </a:t>
            </a:r>
            <a:r>
              <a:rPr lang="en-US" altLang="zh-CN" sz="2400" b="1" dirty="0">
                <a:solidFill>
                  <a:srgbClr val="1616F6"/>
                </a:solidFill>
                <a:effectLst>
                  <a:outerShdw blurRad="50800" dist="50800" dir="5400000" algn="ctr" rotWithShape="0">
                    <a:srgbClr val="F29E88"/>
                  </a:outerShdw>
                </a:effectLst>
                <a:latin typeface="Times New Roman" panose="02020603050405020304" pitchFamily="18" charset="0"/>
                <a:ea typeface="汉仪娃娃篆简" panose="02010604000101010101" pitchFamily="2" charset="-122"/>
                <a:cs typeface="Times New Roman" panose="02020603050405020304" pitchFamily="18" charset="0"/>
              </a:rPr>
              <a:t>THI THIẾT KẾ BÀI GIẢNG E-LEARNING</a:t>
            </a:r>
          </a:p>
          <a:p>
            <a:pPr algn="ctr">
              <a:buNone/>
              <a:defRPr/>
            </a:pPr>
            <a:r>
              <a:rPr lang="en-US" altLang="zh-CN" sz="2400" b="1" dirty="0">
                <a:solidFill>
                  <a:srgbClr val="1616F6"/>
                </a:solidFill>
                <a:effectLst>
                  <a:outerShdw blurRad="50800" dist="50800" dir="5400000" algn="ctr" rotWithShape="0">
                    <a:srgbClr val="F29E88"/>
                  </a:outerShdw>
                </a:effectLst>
                <a:latin typeface="Times New Roman" panose="02020603050405020304" pitchFamily="18" charset="0"/>
                <a:ea typeface="汉仪娃娃篆简" panose="02010604000101010101" pitchFamily="2" charset="-122"/>
                <a:cs typeface="Times New Roman" panose="02020603050405020304" pitchFamily="18" charset="0"/>
              </a:rPr>
              <a:t> NĂM HỌC 2023-2024</a:t>
            </a:r>
          </a:p>
        </p:txBody>
      </p:sp>
      <p:sp>
        <p:nvSpPr>
          <p:cNvPr id="3078" name="TextBox 2"/>
          <p:cNvSpPr txBox="1">
            <a:spLocks noChangeArrowheads="1"/>
          </p:cNvSpPr>
          <p:nvPr/>
        </p:nvSpPr>
        <p:spPr bwMode="auto">
          <a:xfrm>
            <a:off x="2100262" y="2270910"/>
            <a:ext cx="8734422" cy="35394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>
              <a:spcBef>
                <a:spcPct val="20000"/>
              </a:spcBef>
              <a:buChar char="•"/>
              <a:defRPr sz="32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  <a:lvl2pPr marL="742950" indent="-285750">
              <a:spcBef>
                <a:spcPct val="20000"/>
              </a:spcBef>
              <a:buChar char="–"/>
              <a:defRPr sz="28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2pPr>
            <a:lvl3pPr marL="1143000" indent="-228600">
              <a:spcBef>
                <a:spcPct val="20000"/>
              </a:spcBef>
              <a:buChar char="•"/>
              <a:defRPr sz="24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3pPr>
            <a:lvl4pPr marL="1600200" indent="-228600">
              <a:spcBef>
                <a:spcPct val="20000"/>
              </a:spcBef>
              <a:buChar char="–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4pPr>
            <a:lvl5pPr marL="2057400" indent="-228600">
              <a:spcBef>
                <a:spcPct val="20000"/>
              </a:spcBef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20000"/>
              </a:spcBef>
              <a:spcAft>
                <a:spcPct val="0"/>
              </a:spcAft>
              <a:buChar char="»"/>
              <a:defRPr sz="2000">
                <a:solidFill>
                  <a:schemeClr val="tx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9pPr>
          </a:lstStyle>
          <a:p>
            <a:pPr algn="ctr">
              <a:spcBef>
                <a:spcPct val="0"/>
              </a:spcBef>
              <a:buNone/>
            </a:pPr>
            <a:r>
              <a:rPr lang="en-US" sz="2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 THUYẾT TRÌNH BÀI GIẢNG ĐIỆN TỬ </a:t>
            </a:r>
            <a:endParaRPr lang="en-US" sz="2800" b="1" dirty="0" smtClean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spcBef>
                <a:spcPct val="0"/>
              </a:spcBef>
              <a:buNone/>
            </a:pPr>
            <a:r>
              <a:rPr lang="en-US" altLang="zh-CN" sz="2800" b="1" dirty="0" smtClean="0">
                <a:solidFill>
                  <a:srgbClr val="FF0000"/>
                </a:solidFill>
                <a:effectLst>
                  <a:outerShdw blurRad="50800" dist="50800" dir="5400000" algn="ctr" rotWithShape="0">
                    <a:srgbClr val="F29E88"/>
                  </a:outerShdw>
                </a:effectLst>
                <a:latin typeface="Times New Roman" panose="02020603050405020304" pitchFamily="18" charset="0"/>
                <a:ea typeface="汉仪娃娃篆简" panose="02010604000101010101" pitchFamily="2" charset="-122"/>
                <a:cs typeface="Times New Roman" panose="02020603050405020304" pitchFamily="18" charset="0"/>
              </a:rPr>
              <a:t>E-LEARNING</a:t>
            </a:r>
            <a:endParaRPr lang="en-US" altLang="en-US" sz="2800" i="1" dirty="0" smtClean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en-US" sz="3600" i="1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ôn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sz="36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uyện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âu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- </a:t>
            </a:r>
            <a:r>
              <a:rPr lang="en-US" altLang="en-US" sz="3600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ớp</a:t>
            </a:r>
            <a:r>
              <a:rPr lang="en-US" altLang="en-US" sz="3600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</a:t>
            </a: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en-US" sz="3600" i="1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ở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rộng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ốn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ạnh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3600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úc</a:t>
            </a:r>
            <a:r>
              <a:rPr lang="en-US" altLang="en-US" sz="3600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en-US" altLang="en-US" sz="3600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endParaRPr lang="en-US" altLang="en-US" dirty="0" smtClean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en-US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altLang="en-US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guyễn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ị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ến</a:t>
            </a:r>
            <a:endParaRPr lang="en-US" altLang="en-US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spcBef>
                <a:spcPct val="0"/>
              </a:spcBef>
              <a:buFontTx/>
              <a:buNone/>
            </a:pPr>
            <a:r>
              <a:rPr lang="en-US" altLang="en-US" dirty="0" err="1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ơn</a:t>
            </a:r>
            <a:r>
              <a:rPr lang="en-US" altLang="en-US" dirty="0" smtClean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ị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: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ểu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altLang="en-US" dirty="0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An </a:t>
            </a:r>
            <a:r>
              <a:rPr lang="en-US" altLang="en-US" dirty="0" err="1">
                <a:solidFill>
                  <a:srgbClr val="0070C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ái</a:t>
            </a:r>
            <a:endParaRPr lang="en-US" altLang="en-US" dirty="0">
              <a:solidFill>
                <a:srgbClr val="0070C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9" name="nhẹ nhàng.mp3">
            <a:hlinkClick r:id="" action="ppaction://media"/>
          </p:cNvPr>
          <p:cNvPicPr>
            <a:picLocks noChangeAspect="1"/>
          </p:cNvPicPr>
          <p:nvPr>
            <a:audioFile r:link="rId3"/>
            <p:extLst>
              <p:ext uri="{DAA4B4D4-6D71-4841-9C94-3DE7FCFB9230}">
                <p14:media xmlns:p14="http://schemas.microsoft.com/office/powerpoint/2010/main" r:link="rId2"/>
              </p:ext>
            </p:extLst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7502" y="6011069"/>
            <a:ext cx="609600" cy="609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80" name="Picture 11" descr="https://thuthuatphanmem.vn/uploads/2018/04/06/hinh-nen-dong-day-ngang-dep-1-87_104237042.gif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920" y="5943204"/>
            <a:ext cx="4012780" cy="695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81" name="Picture 13" descr="https://thuthuatphanmem.vn/uploads/2018/04/06/hinh-nen-dong-day-ngang-dep-1-87_104237042.gif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65189" y="5925344"/>
            <a:ext cx="4248787" cy="695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82" name="Picture 15" descr="https://thuthuatphanmem.vn/uploads/2018/04/06/hinh-nen-dong-day-ngang-dep-1-87_104237042.gif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762874" y="5961064"/>
            <a:ext cx="4124325" cy="695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83" name="Picture 11" descr="https://thuthuatphanmem.vn/uploads/2018/04/06/hinh-nen-dong-day-ngang-dep-1-87_104237042.gif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16200000">
            <a:off x="9825143" y="3978695"/>
            <a:ext cx="3992130" cy="6953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84" name="Picture 11" descr="https://thuthuatphanmem.vn/uploads/2018/04/06/hinh-nen-dong-day-ngang-dep-1-87_104237042.gif"/>
          <p:cNvPicPr>
            <a:picLocks noChangeAspect="1" noChangeArrowheads="1" noCrop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5400000">
            <a:off x="-1221217" y="3790951"/>
            <a:ext cx="3759200" cy="660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8208131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mediacall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6" dur="60081" fill="hold"/>
                                        <p:tgtEl>
                                          <p:spTgt spid="9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  <p:seq concurrent="1" nextAc="seek">
              <p:cTn id="7" restart="whenNotActive" fill="hold" evtFilter="cancelBubble" nodeType="interactiveSeq">
                <p:stCondLst>
                  <p:cond evt="onClick" delay="0">
                    <p:tgtEl>
                      <p:spTgt spid="8"/>
                    </p:tgtEl>
                  </p:cond>
                </p:stCondLst>
                <p:endSync evt="end" delay="0">
                  <p:rtn val="all"/>
                </p:endSync>
                <p:childTnLst>
                  <p:par>
                    <p:cTn id="8" fill="hold" nodeType="clickPar">
                      <p:stCondLst>
                        <p:cond delay="0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" presetClass="mediacall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cmd type="call" cmd="playFrom(0.0)">
                                      <p:cBhvr>
                                        <p:cTn id="11" dur="1" fill="hold"/>
                                        <p:tgtEl>
                                          <p:spTgt spid="8"/>
                                        </p:tgtEl>
                                      </p:cBhvr>
                                    </p:cmd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nextCondLst>
                <p:cond evt="onClick" delay="0">
                  <p:tgtEl>
                    <p:spTgt spid="8"/>
                  </p:tgtEl>
                </p:cond>
              </p:nextCondLst>
            </p:seq>
            <p:audio>
              <p:cMediaNode vol="80000">
                <p:cTn id="12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8"/>
                </p:tgtEl>
              </p:cMediaNode>
            </p:audio>
            <p:audio>
              <p:cMediaNode vol="80000">
                <p:cTn id="13" fill="hold" display="0">
                  <p:stCondLst>
                    <p:cond delay="indefinite"/>
                  </p:stCondLst>
                  <p:endCondLst>
                    <p:cond evt="onStopAudio" delay="0">
                      <p:tgtEl>
                        <p:sldTgt/>
                      </p:tgtEl>
                    </p:cond>
                  </p:endCondLst>
                </p:cTn>
                <p:tgtEl>
                  <p:spTgt spid="9"/>
                </p:tgtEl>
              </p:cMediaNode>
            </p:audio>
          </p:childTnLst>
        </p:cTn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Google Shape;118;p13">
            <a:extLst>
              <a:ext uri="{FF2B5EF4-FFF2-40B4-BE49-F238E27FC236}">
                <a16:creationId xmlns:a16="http://schemas.microsoft.com/office/drawing/2014/main" id="{796DF766-056A-4B74-B18B-359A049C5872}"/>
              </a:ext>
            </a:extLst>
          </p:cNvPr>
          <p:cNvSpPr/>
          <p:nvPr/>
        </p:nvSpPr>
        <p:spPr>
          <a:xfrm>
            <a:off x="2595896" y="233794"/>
            <a:ext cx="1097296" cy="760270"/>
          </a:xfrm>
          <a:custGeom>
            <a:avLst/>
            <a:gdLst/>
            <a:ahLst/>
            <a:cxnLst/>
            <a:rect l="l" t="t" r="r" b="b"/>
            <a:pathLst>
              <a:path w="16706" h="14997" extrusionOk="0">
                <a:moveTo>
                  <a:pt x="4299" y="0"/>
                </a:moveTo>
                <a:lnTo>
                  <a:pt x="3859" y="25"/>
                </a:lnTo>
                <a:lnTo>
                  <a:pt x="3444" y="74"/>
                </a:lnTo>
                <a:lnTo>
                  <a:pt x="3029" y="196"/>
                </a:lnTo>
                <a:lnTo>
                  <a:pt x="2614" y="342"/>
                </a:lnTo>
                <a:lnTo>
                  <a:pt x="2247" y="513"/>
                </a:lnTo>
                <a:lnTo>
                  <a:pt x="1905" y="733"/>
                </a:lnTo>
                <a:lnTo>
                  <a:pt x="1563" y="977"/>
                </a:lnTo>
                <a:lnTo>
                  <a:pt x="1270" y="1246"/>
                </a:lnTo>
                <a:lnTo>
                  <a:pt x="977" y="1563"/>
                </a:lnTo>
                <a:lnTo>
                  <a:pt x="733" y="1881"/>
                </a:lnTo>
                <a:lnTo>
                  <a:pt x="513" y="2247"/>
                </a:lnTo>
                <a:lnTo>
                  <a:pt x="342" y="2614"/>
                </a:lnTo>
                <a:lnTo>
                  <a:pt x="196" y="3004"/>
                </a:lnTo>
                <a:lnTo>
                  <a:pt x="98" y="3420"/>
                </a:lnTo>
                <a:lnTo>
                  <a:pt x="25" y="3859"/>
                </a:lnTo>
                <a:lnTo>
                  <a:pt x="0" y="4299"/>
                </a:lnTo>
                <a:lnTo>
                  <a:pt x="0" y="4592"/>
                </a:lnTo>
                <a:lnTo>
                  <a:pt x="25" y="4885"/>
                </a:lnTo>
                <a:lnTo>
                  <a:pt x="122" y="5447"/>
                </a:lnTo>
                <a:lnTo>
                  <a:pt x="245" y="6008"/>
                </a:lnTo>
                <a:lnTo>
                  <a:pt x="440" y="6546"/>
                </a:lnTo>
                <a:lnTo>
                  <a:pt x="660" y="7059"/>
                </a:lnTo>
                <a:lnTo>
                  <a:pt x="928" y="7547"/>
                </a:lnTo>
                <a:lnTo>
                  <a:pt x="1197" y="8011"/>
                </a:lnTo>
                <a:lnTo>
                  <a:pt x="1515" y="8475"/>
                </a:lnTo>
                <a:lnTo>
                  <a:pt x="1856" y="8915"/>
                </a:lnTo>
                <a:lnTo>
                  <a:pt x="2198" y="9330"/>
                </a:lnTo>
                <a:lnTo>
                  <a:pt x="2565" y="9745"/>
                </a:lnTo>
                <a:lnTo>
                  <a:pt x="2931" y="10136"/>
                </a:lnTo>
                <a:lnTo>
                  <a:pt x="3639" y="10869"/>
                </a:lnTo>
                <a:lnTo>
                  <a:pt x="4299" y="11528"/>
                </a:lnTo>
                <a:lnTo>
                  <a:pt x="4861" y="12065"/>
                </a:lnTo>
                <a:lnTo>
                  <a:pt x="5496" y="12627"/>
                </a:lnTo>
                <a:lnTo>
                  <a:pt x="6839" y="13775"/>
                </a:lnTo>
                <a:lnTo>
                  <a:pt x="7913" y="14654"/>
                </a:lnTo>
                <a:lnTo>
                  <a:pt x="8353" y="14996"/>
                </a:lnTo>
                <a:lnTo>
                  <a:pt x="8793" y="14654"/>
                </a:lnTo>
                <a:lnTo>
                  <a:pt x="9843" y="13799"/>
                </a:lnTo>
                <a:lnTo>
                  <a:pt x="11186" y="12651"/>
                </a:lnTo>
                <a:lnTo>
                  <a:pt x="11821" y="12090"/>
                </a:lnTo>
                <a:lnTo>
                  <a:pt x="12407" y="11528"/>
                </a:lnTo>
                <a:lnTo>
                  <a:pt x="13067" y="10869"/>
                </a:lnTo>
                <a:lnTo>
                  <a:pt x="13775" y="10136"/>
                </a:lnTo>
                <a:lnTo>
                  <a:pt x="14141" y="9745"/>
                </a:lnTo>
                <a:lnTo>
                  <a:pt x="14508" y="9330"/>
                </a:lnTo>
                <a:lnTo>
                  <a:pt x="14850" y="8915"/>
                </a:lnTo>
                <a:lnTo>
                  <a:pt x="15191" y="8475"/>
                </a:lnTo>
                <a:lnTo>
                  <a:pt x="15509" y="8011"/>
                </a:lnTo>
                <a:lnTo>
                  <a:pt x="15778" y="7547"/>
                </a:lnTo>
                <a:lnTo>
                  <a:pt x="16046" y="7059"/>
                </a:lnTo>
                <a:lnTo>
                  <a:pt x="16266" y="6546"/>
                </a:lnTo>
                <a:lnTo>
                  <a:pt x="16461" y="6008"/>
                </a:lnTo>
                <a:lnTo>
                  <a:pt x="16584" y="5447"/>
                </a:lnTo>
                <a:lnTo>
                  <a:pt x="16681" y="4885"/>
                </a:lnTo>
                <a:lnTo>
                  <a:pt x="16706" y="4592"/>
                </a:lnTo>
                <a:lnTo>
                  <a:pt x="16706" y="4299"/>
                </a:lnTo>
                <a:lnTo>
                  <a:pt x="16681" y="3859"/>
                </a:lnTo>
                <a:lnTo>
                  <a:pt x="16608" y="3420"/>
                </a:lnTo>
                <a:lnTo>
                  <a:pt x="16510" y="3004"/>
                </a:lnTo>
                <a:lnTo>
                  <a:pt x="16364" y="2614"/>
                </a:lnTo>
                <a:lnTo>
                  <a:pt x="16193" y="2247"/>
                </a:lnTo>
                <a:lnTo>
                  <a:pt x="15973" y="1881"/>
                </a:lnTo>
                <a:lnTo>
                  <a:pt x="15729" y="1563"/>
                </a:lnTo>
                <a:lnTo>
                  <a:pt x="15436" y="1246"/>
                </a:lnTo>
                <a:lnTo>
                  <a:pt x="15143" y="977"/>
                </a:lnTo>
                <a:lnTo>
                  <a:pt x="14801" y="733"/>
                </a:lnTo>
                <a:lnTo>
                  <a:pt x="14459" y="513"/>
                </a:lnTo>
                <a:lnTo>
                  <a:pt x="14092" y="342"/>
                </a:lnTo>
                <a:lnTo>
                  <a:pt x="13677" y="196"/>
                </a:lnTo>
                <a:lnTo>
                  <a:pt x="13262" y="74"/>
                </a:lnTo>
                <a:lnTo>
                  <a:pt x="12847" y="25"/>
                </a:lnTo>
                <a:lnTo>
                  <a:pt x="12407" y="0"/>
                </a:lnTo>
                <a:lnTo>
                  <a:pt x="12065" y="0"/>
                </a:lnTo>
                <a:lnTo>
                  <a:pt x="11723" y="49"/>
                </a:lnTo>
                <a:lnTo>
                  <a:pt x="11381" y="122"/>
                </a:lnTo>
                <a:lnTo>
                  <a:pt x="11064" y="196"/>
                </a:lnTo>
                <a:lnTo>
                  <a:pt x="10746" y="318"/>
                </a:lnTo>
                <a:lnTo>
                  <a:pt x="10453" y="464"/>
                </a:lnTo>
                <a:lnTo>
                  <a:pt x="10160" y="611"/>
                </a:lnTo>
                <a:lnTo>
                  <a:pt x="9892" y="806"/>
                </a:lnTo>
                <a:lnTo>
                  <a:pt x="9647" y="1002"/>
                </a:lnTo>
                <a:lnTo>
                  <a:pt x="9403" y="1221"/>
                </a:lnTo>
                <a:lnTo>
                  <a:pt x="9183" y="1466"/>
                </a:lnTo>
                <a:lnTo>
                  <a:pt x="8964" y="1710"/>
                </a:lnTo>
                <a:lnTo>
                  <a:pt x="8793" y="1979"/>
                </a:lnTo>
                <a:lnTo>
                  <a:pt x="8622" y="2272"/>
                </a:lnTo>
                <a:lnTo>
                  <a:pt x="8475" y="2565"/>
                </a:lnTo>
                <a:lnTo>
                  <a:pt x="8353" y="2858"/>
                </a:lnTo>
                <a:lnTo>
                  <a:pt x="8231" y="2565"/>
                </a:lnTo>
                <a:lnTo>
                  <a:pt x="8084" y="2272"/>
                </a:lnTo>
                <a:lnTo>
                  <a:pt x="7913" y="1979"/>
                </a:lnTo>
                <a:lnTo>
                  <a:pt x="7742" y="1710"/>
                </a:lnTo>
                <a:lnTo>
                  <a:pt x="7523" y="1466"/>
                </a:lnTo>
                <a:lnTo>
                  <a:pt x="7303" y="1221"/>
                </a:lnTo>
                <a:lnTo>
                  <a:pt x="7059" y="1002"/>
                </a:lnTo>
                <a:lnTo>
                  <a:pt x="6814" y="806"/>
                </a:lnTo>
                <a:lnTo>
                  <a:pt x="6546" y="611"/>
                </a:lnTo>
                <a:lnTo>
                  <a:pt x="6253" y="464"/>
                </a:lnTo>
                <a:lnTo>
                  <a:pt x="5960" y="318"/>
                </a:lnTo>
                <a:lnTo>
                  <a:pt x="5642" y="196"/>
                </a:lnTo>
                <a:lnTo>
                  <a:pt x="5325" y="122"/>
                </a:lnTo>
                <a:lnTo>
                  <a:pt x="4983" y="49"/>
                </a:lnTo>
                <a:lnTo>
                  <a:pt x="4641" y="0"/>
                </a:lnTo>
                <a:close/>
              </a:path>
            </a:pathLst>
          </a:custGeom>
          <a:solidFill>
            <a:schemeClr val="accent2">
              <a:lumMod val="75000"/>
            </a:schemeClr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3200" kern="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  <a:cs typeface="Arial"/>
                <a:sym typeface="Arial"/>
              </a:rPr>
              <a:t>a</a:t>
            </a:r>
            <a:endParaRPr sz="3200" kern="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  <a:cs typeface="Arial"/>
              <a:sym typeface="Arial"/>
            </a:endParaRPr>
          </a:p>
        </p:txBody>
      </p:sp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6672955A-05F9-4E56-930E-E0FF2FC8F37F}"/>
              </a:ext>
            </a:extLst>
          </p:cNvPr>
          <p:cNvSpPr/>
          <p:nvPr/>
        </p:nvSpPr>
        <p:spPr>
          <a:xfrm>
            <a:off x="3869513" y="198224"/>
            <a:ext cx="4617174" cy="776335"/>
          </a:xfrm>
          <a:prstGeom prst="roundRect">
            <a:avLst/>
          </a:prstGeom>
          <a:solidFill>
            <a:schemeClr val="accent2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Nội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dung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F2110B5F-23C5-4265-8446-B4294EC30B4D}"/>
              </a:ext>
            </a:extLst>
          </p:cNvPr>
          <p:cNvSpPr txBox="1"/>
          <p:nvPr/>
        </p:nvSpPr>
        <p:spPr>
          <a:xfrm>
            <a:off x="1103203" y="1261261"/>
            <a:ext cx="10479506" cy="4401205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txBody>
          <a:bodyPr wrap="square">
            <a:spAutoFit/>
          </a:bodyPr>
          <a:lstStyle/>
          <a:p>
            <a:pPr algn="just">
              <a:lnSpc>
                <a:spcPct val="125000"/>
              </a:lnSpc>
            </a:pP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	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Qua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hực tiễn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ỳ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online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ăm học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ướ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ôi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ã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u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ập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ý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ủa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ề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ữ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ướ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ắ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ó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ă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á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ình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Online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ìm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ếm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ô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ụ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ềm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ằm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ỗ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ợ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ể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ây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ự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ự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uyế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ể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em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ết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quả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ốt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ất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ế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iến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những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rang trình chiếu thông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ường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ành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những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tương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ác tích cực giúp người học tự học và chiếm lĩnh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</a:t>
            </a:r>
            <a:r>
              <a:rPr lang="en-US" sz="3200" dirty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ế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hức.</a:t>
            </a:r>
            <a:endParaRPr lang="en-US" sz="3200" i="1" dirty="0">
              <a:solidFill>
                <a:schemeClr val="bg2">
                  <a:lumMod val="10000"/>
                </a:schemeClr>
              </a:solidFill>
              <a:latin typeface="+mj-lt"/>
              <a:cs typeface="Times New Roman" panose="02020603050405020304" pitchFamily="18" charset="0"/>
            </a:endParaRPr>
          </a:p>
        </p:txBody>
      </p:sp>
      <p:pic>
        <p:nvPicPr>
          <p:cNvPr id="176" name="IMG_2053.gif" descr="IMG_2053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4071480" y="-78133"/>
            <a:ext cx="865532" cy="865532"/>
          </a:xfrm>
          <a:prstGeom prst="rect">
            <a:avLst/>
          </a:prstGeom>
          <a:ln w="12700">
            <a:miter lim="400000"/>
          </a:ln>
        </p:spPr>
      </p:pic>
    </p:spTree>
    <p:extLst>
      <p:ext uri="{BB962C8B-B14F-4D97-AF65-F5344CB8AC3E}">
        <p14:creationId xmlns:p14="http://schemas.microsoft.com/office/powerpoint/2010/main" val="25240830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1400">
        <p14:ripple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1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2921527" y="-836580"/>
            <a:ext cx="3479216" cy="3479216"/>
          </a:xfrm>
          <a:prstGeom prst="rect">
            <a:avLst/>
          </a:prstGeom>
          <a:ln w="12700">
            <a:miter lim="400000"/>
          </a:ln>
        </p:spPr>
      </p:pic>
      <p:pic>
        <p:nvPicPr>
          <p:cNvPr id="162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6266715" y="-714620"/>
            <a:ext cx="3479216" cy="3479216"/>
          </a:xfrm>
          <a:prstGeom prst="rect">
            <a:avLst/>
          </a:prstGeom>
          <a:ln w="12700">
            <a:miter lim="400000"/>
          </a:ln>
        </p:spPr>
      </p:pic>
      <p:pic>
        <p:nvPicPr>
          <p:cNvPr id="163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9402828" y="-714620"/>
            <a:ext cx="3479216" cy="3479216"/>
          </a:xfrm>
          <a:prstGeom prst="rect">
            <a:avLst/>
          </a:prstGeom>
          <a:ln w="12700">
            <a:miter lim="400000"/>
          </a:ln>
        </p:spPr>
      </p:pic>
      <p:sp>
        <p:nvSpPr>
          <p:cNvPr id="12" name="Rectangle: Rounded Corners 11">
            <a:extLst>
              <a:ext uri="{FF2B5EF4-FFF2-40B4-BE49-F238E27FC236}">
                <a16:creationId xmlns:a16="http://schemas.microsoft.com/office/drawing/2014/main" id="{F6AF957E-2D70-4595-A9BA-59ADA33F125D}"/>
              </a:ext>
            </a:extLst>
          </p:cNvPr>
          <p:cNvSpPr/>
          <p:nvPr/>
        </p:nvSpPr>
        <p:spPr>
          <a:xfrm>
            <a:off x="3869512" y="198224"/>
            <a:ext cx="5726591" cy="776335"/>
          </a:xfrm>
          <a:prstGeom prst="roundRect">
            <a:avLst/>
          </a:prstGeom>
          <a:solidFill>
            <a:schemeClr val="accent2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Tính</a:t>
            </a:r>
            <a:r>
              <a:rPr lang="en-US" sz="3600" dirty="0">
                <a:solidFill>
                  <a:schemeClr val="bg1">
                    <a:lumMod val="20000"/>
                    <a:lumOff val="80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 </a:t>
            </a:r>
            <a:r>
              <a:rPr lang="en-US" sz="36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hấp</a:t>
            </a:r>
            <a:r>
              <a:rPr lang="en-US" sz="3600" dirty="0">
                <a:solidFill>
                  <a:schemeClr val="bg1">
                    <a:lumMod val="20000"/>
                    <a:lumOff val="80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 </a:t>
            </a:r>
            <a:r>
              <a:rPr lang="en-US" sz="36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Segoe UI Semibold" panose="020B0702040204020203" pitchFamily="34" charset="0"/>
                <a:cs typeface="Segoe UI Semibold" panose="020B0702040204020203" pitchFamily="34" charset="0"/>
              </a:rPr>
              <a:t>dẫn</a:t>
            </a:r>
            <a:endParaRPr lang="en-US" sz="3600" dirty="0">
              <a:solidFill>
                <a:schemeClr val="bg1">
                  <a:lumMod val="20000"/>
                  <a:lumOff val="80000"/>
                </a:schemeClr>
              </a:solidFill>
              <a:latin typeface="Segoe UI Semibold" panose="020B0702040204020203" pitchFamily="34" charset="0"/>
              <a:cs typeface="Segoe UI Semibold" panose="020B0702040204020203" pitchFamily="34" charset="0"/>
            </a:endParaRP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AF87A102-ED8B-4BD7-A865-BCADCEE1A569}"/>
              </a:ext>
            </a:extLst>
          </p:cNvPr>
          <p:cNvSpPr txBox="1"/>
          <p:nvPr/>
        </p:nvSpPr>
        <p:spPr>
          <a:xfrm>
            <a:off x="966652" y="1639186"/>
            <a:ext cx="10737668" cy="3046988"/>
          </a:xfrm>
          <a:prstGeom prst="rect">
            <a:avLst/>
          </a:prstGeom>
          <a:noFill/>
          <a:ln>
            <a:solidFill>
              <a:srgbClr val="00B050"/>
            </a:solidFill>
          </a:ln>
        </p:spPr>
        <p:txBody>
          <a:bodyPr wrap="square">
            <a:spAutoFit/>
          </a:bodyPr>
          <a:lstStyle/>
          <a:p>
            <a:pPr algn="just">
              <a:lnSpc>
                <a:spcPct val="150000"/>
              </a:lnSpc>
            </a:pP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	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Thực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iễn cho thấy với cách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học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qua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ả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</a:p>
          <a:p>
            <a:pPr algn="just">
              <a:lnSpc>
                <a:spcPct val="150000"/>
              </a:lnSpc>
            </a:pP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-learning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ã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úp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khai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thác được năng lực người học tạo cho các em hứng thú học tập. Các em nắm được bài một 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cách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ủ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chemeClr val="bg2">
                    <a:lumMod val="1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,</a:t>
            </a:r>
            <a:r>
              <a:rPr lang="vi-VN" sz="3200" dirty="0" smtClean="0">
                <a:solidFill>
                  <a:schemeClr val="bg2">
                    <a:lumMod val="10000"/>
                  </a:schemeClr>
                </a:solidFill>
                <a:latin typeface="+mj-lt"/>
              </a:rPr>
              <a:t> </a:t>
            </a:r>
            <a:r>
              <a:rPr lang="vi-VN" sz="3200" dirty="0">
                <a:solidFill>
                  <a:schemeClr val="bg2">
                    <a:lumMod val="10000"/>
                  </a:schemeClr>
                </a:solidFill>
                <a:latin typeface="+mj-lt"/>
              </a:rPr>
              <a:t>chắc chắn và hứng thú học tập tại mọi thời điểm.</a:t>
            </a:r>
            <a:endParaRPr lang="en-US" sz="3200" dirty="0">
              <a:solidFill>
                <a:schemeClr val="bg2">
                  <a:lumMod val="10000"/>
                </a:schemeClr>
              </a:solidFill>
              <a:latin typeface="+mj-lt"/>
            </a:endParaRPr>
          </a:p>
        </p:txBody>
      </p:sp>
      <p:pic>
        <p:nvPicPr>
          <p:cNvPr id="18" name="IMG_2053.gif" descr="IMG_2053.gif">
            <a:extLst>
              <a:ext uri="{FF2B5EF4-FFF2-40B4-BE49-F238E27FC236}">
                <a16:creationId xmlns:a16="http://schemas.microsoft.com/office/drawing/2014/main" id="{8DDF70E5-D165-445B-A145-9FBD25281294}"/>
              </a:ext>
            </a:extLst>
          </p:cNvPr>
          <p:cNvPicPr>
            <a:picLocks/>
          </p:cNvPicPr>
          <p:nvPr/>
        </p:nvPicPr>
        <p:blipFill>
          <a:blip r:embed="rId4"/>
          <a:stretch>
            <a:fillRect/>
          </a:stretch>
        </p:blipFill>
        <p:spPr>
          <a:xfrm>
            <a:off x="4440710" y="37496"/>
            <a:ext cx="865532" cy="865532"/>
          </a:xfrm>
          <a:prstGeom prst="rect">
            <a:avLst/>
          </a:prstGeom>
          <a:ln w="12700">
            <a:miter lim="400000"/>
          </a:ln>
        </p:spPr>
      </p:pic>
      <p:sp>
        <p:nvSpPr>
          <p:cNvPr id="14" name="Google Shape;118;p13">
            <a:extLst>
              <a:ext uri="{FF2B5EF4-FFF2-40B4-BE49-F238E27FC236}">
                <a16:creationId xmlns:a16="http://schemas.microsoft.com/office/drawing/2014/main" id="{796DF766-056A-4B74-B18B-359A049C5872}"/>
              </a:ext>
            </a:extLst>
          </p:cNvPr>
          <p:cNvSpPr/>
          <p:nvPr/>
        </p:nvSpPr>
        <p:spPr>
          <a:xfrm>
            <a:off x="2457855" y="250585"/>
            <a:ext cx="1097296" cy="760270"/>
          </a:xfrm>
          <a:custGeom>
            <a:avLst/>
            <a:gdLst/>
            <a:ahLst/>
            <a:cxnLst/>
            <a:rect l="l" t="t" r="r" b="b"/>
            <a:pathLst>
              <a:path w="16706" h="14997" extrusionOk="0">
                <a:moveTo>
                  <a:pt x="4299" y="0"/>
                </a:moveTo>
                <a:lnTo>
                  <a:pt x="3859" y="25"/>
                </a:lnTo>
                <a:lnTo>
                  <a:pt x="3444" y="74"/>
                </a:lnTo>
                <a:lnTo>
                  <a:pt x="3029" y="196"/>
                </a:lnTo>
                <a:lnTo>
                  <a:pt x="2614" y="342"/>
                </a:lnTo>
                <a:lnTo>
                  <a:pt x="2247" y="513"/>
                </a:lnTo>
                <a:lnTo>
                  <a:pt x="1905" y="733"/>
                </a:lnTo>
                <a:lnTo>
                  <a:pt x="1563" y="977"/>
                </a:lnTo>
                <a:lnTo>
                  <a:pt x="1270" y="1246"/>
                </a:lnTo>
                <a:lnTo>
                  <a:pt x="977" y="1563"/>
                </a:lnTo>
                <a:lnTo>
                  <a:pt x="733" y="1881"/>
                </a:lnTo>
                <a:lnTo>
                  <a:pt x="513" y="2247"/>
                </a:lnTo>
                <a:lnTo>
                  <a:pt x="342" y="2614"/>
                </a:lnTo>
                <a:lnTo>
                  <a:pt x="196" y="3004"/>
                </a:lnTo>
                <a:lnTo>
                  <a:pt x="98" y="3420"/>
                </a:lnTo>
                <a:lnTo>
                  <a:pt x="25" y="3859"/>
                </a:lnTo>
                <a:lnTo>
                  <a:pt x="0" y="4299"/>
                </a:lnTo>
                <a:lnTo>
                  <a:pt x="0" y="4592"/>
                </a:lnTo>
                <a:lnTo>
                  <a:pt x="25" y="4885"/>
                </a:lnTo>
                <a:lnTo>
                  <a:pt x="122" y="5447"/>
                </a:lnTo>
                <a:lnTo>
                  <a:pt x="245" y="6008"/>
                </a:lnTo>
                <a:lnTo>
                  <a:pt x="440" y="6546"/>
                </a:lnTo>
                <a:lnTo>
                  <a:pt x="660" y="7059"/>
                </a:lnTo>
                <a:lnTo>
                  <a:pt x="928" y="7547"/>
                </a:lnTo>
                <a:lnTo>
                  <a:pt x="1197" y="8011"/>
                </a:lnTo>
                <a:lnTo>
                  <a:pt x="1515" y="8475"/>
                </a:lnTo>
                <a:lnTo>
                  <a:pt x="1856" y="8915"/>
                </a:lnTo>
                <a:lnTo>
                  <a:pt x="2198" y="9330"/>
                </a:lnTo>
                <a:lnTo>
                  <a:pt x="2565" y="9745"/>
                </a:lnTo>
                <a:lnTo>
                  <a:pt x="2931" y="10136"/>
                </a:lnTo>
                <a:lnTo>
                  <a:pt x="3639" y="10869"/>
                </a:lnTo>
                <a:lnTo>
                  <a:pt x="4299" y="11528"/>
                </a:lnTo>
                <a:lnTo>
                  <a:pt x="4861" y="12065"/>
                </a:lnTo>
                <a:lnTo>
                  <a:pt x="5496" y="12627"/>
                </a:lnTo>
                <a:lnTo>
                  <a:pt x="6839" y="13775"/>
                </a:lnTo>
                <a:lnTo>
                  <a:pt x="7913" y="14654"/>
                </a:lnTo>
                <a:lnTo>
                  <a:pt x="8353" y="14996"/>
                </a:lnTo>
                <a:lnTo>
                  <a:pt x="8793" y="14654"/>
                </a:lnTo>
                <a:lnTo>
                  <a:pt x="9843" y="13799"/>
                </a:lnTo>
                <a:lnTo>
                  <a:pt x="11186" y="12651"/>
                </a:lnTo>
                <a:lnTo>
                  <a:pt x="11821" y="12090"/>
                </a:lnTo>
                <a:lnTo>
                  <a:pt x="12407" y="11528"/>
                </a:lnTo>
                <a:lnTo>
                  <a:pt x="13067" y="10869"/>
                </a:lnTo>
                <a:lnTo>
                  <a:pt x="13775" y="10136"/>
                </a:lnTo>
                <a:lnTo>
                  <a:pt x="14141" y="9745"/>
                </a:lnTo>
                <a:lnTo>
                  <a:pt x="14508" y="9330"/>
                </a:lnTo>
                <a:lnTo>
                  <a:pt x="14850" y="8915"/>
                </a:lnTo>
                <a:lnTo>
                  <a:pt x="15191" y="8475"/>
                </a:lnTo>
                <a:lnTo>
                  <a:pt x="15509" y="8011"/>
                </a:lnTo>
                <a:lnTo>
                  <a:pt x="15778" y="7547"/>
                </a:lnTo>
                <a:lnTo>
                  <a:pt x="16046" y="7059"/>
                </a:lnTo>
                <a:lnTo>
                  <a:pt x="16266" y="6546"/>
                </a:lnTo>
                <a:lnTo>
                  <a:pt x="16461" y="6008"/>
                </a:lnTo>
                <a:lnTo>
                  <a:pt x="16584" y="5447"/>
                </a:lnTo>
                <a:lnTo>
                  <a:pt x="16681" y="4885"/>
                </a:lnTo>
                <a:lnTo>
                  <a:pt x="16706" y="4592"/>
                </a:lnTo>
                <a:lnTo>
                  <a:pt x="16706" y="4299"/>
                </a:lnTo>
                <a:lnTo>
                  <a:pt x="16681" y="3859"/>
                </a:lnTo>
                <a:lnTo>
                  <a:pt x="16608" y="3420"/>
                </a:lnTo>
                <a:lnTo>
                  <a:pt x="16510" y="3004"/>
                </a:lnTo>
                <a:lnTo>
                  <a:pt x="16364" y="2614"/>
                </a:lnTo>
                <a:lnTo>
                  <a:pt x="16193" y="2247"/>
                </a:lnTo>
                <a:lnTo>
                  <a:pt x="15973" y="1881"/>
                </a:lnTo>
                <a:lnTo>
                  <a:pt x="15729" y="1563"/>
                </a:lnTo>
                <a:lnTo>
                  <a:pt x="15436" y="1246"/>
                </a:lnTo>
                <a:lnTo>
                  <a:pt x="15143" y="977"/>
                </a:lnTo>
                <a:lnTo>
                  <a:pt x="14801" y="733"/>
                </a:lnTo>
                <a:lnTo>
                  <a:pt x="14459" y="513"/>
                </a:lnTo>
                <a:lnTo>
                  <a:pt x="14092" y="342"/>
                </a:lnTo>
                <a:lnTo>
                  <a:pt x="13677" y="196"/>
                </a:lnTo>
                <a:lnTo>
                  <a:pt x="13262" y="74"/>
                </a:lnTo>
                <a:lnTo>
                  <a:pt x="12847" y="25"/>
                </a:lnTo>
                <a:lnTo>
                  <a:pt x="12407" y="0"/>
                </a:lnTo>
                <a:lnTo>
                  <a:pt x="12065" y="0"/>
                </a:lnTo>
                <a:lnTo>
                  <a:pt x="11723" y="49"/>
                </a:lnTo>
                <a:lnTo>
                  <a:pt x="11381" y="122"/>
                </a:lnTo>
                <a:lnTo>
                  <a:pt x="11064" y="196"/>
                </a:lnTo>
                <a:lnTo>
                  <a:pt x="10746" y="318"/>
                </a:lnTo>
                <a:lnTo>
                  <a:pt x="10453" y="464"/>
                </a:lnTo>
                <a:lnTo>
                  <a:pt x="10160" y="611"/>
                </a:lnTo>
                <a:lnTo>
                  <a:pt x="9892" y="806"/>
                </a:lnTo>
                <a:lnTo>
                  <a:pt x="9647" y="1002"/>
                </a:lnTo>
                <a:lnTo>
                  <a:pt x="9403" y="1221"/>
                </a:lnTo>
                <a:lnTo>
                  <a:pt x="9183" y="1466"/>
                </a:lnTo>
                <a:lnTo>
                  <a:pt x="8964" y="1710"/>
                </a:lnTo>
                <a:lnTo>
                  <a:pt x="8793" y="1979"/>
                </a:lnTo>
                <a:lnTo>
                  <a:pt x="8622" y="2272"/>
                </a:lnTo>
                <a:lnTo>
                  <a:pt x="8475" y="2565"/>
                </a:lnTo>
                <a:lnTo>
                  <a:pt x="8353" y="2858"/>
                </a:lnTo>
                <a:lnTo>
                  <a:pt x="8231" y="2565"/>
                </a:lnTo>
                <a:lnTo>
                  <a:pt x="8084" y="2272"/>
                </a:lnTo>
                <a:lnTo>
                  <a:pt x="7913" y="1979"/>
                </a:lnTo>
                <a:lnTo>
                  <a:pt x="7742" y="1710"/>
                </a:lnTo>
                <a:lnTo>
                  <a:pt x="7523" y="1466"/>
                </a:lnTo>
                <a:lnTo>
                  <a:pt x="7303" y="1221"/>
                </a:lnTo>
                <a:lnTo>
                  <a:pt x="7059" y="1002"/>
                </a:lnTo>
                <a:lnTo>
                  <a:pt x="6814" y="806"/>
                </a:lnTo>
                <a:lnTo>
                  <a:pt x="6546" y="611"/>
                </a:lnTo>
                <a:lnTo>
                  <a:pt x="6253" y="464"/>
                </a:lnTo>
                <a:lnTo>
                  <a:pt x="5960" y="318"/>
                </a:lnTo>
                <a:lnTo>
                  <a:pt x="5642" y="196"/>
                </a:lnTo>
                <a:lnTo>
                  <a:pt x="5325" y="122"/>
                </a:lnTo>
                <a:lnTo>
                  <a:pt x="4983" y="49"/>
                </a:lnTo>
                <a:lnTo>
                  <a:pt x="4641" y="0"/>
                </a:lnTo>
                <a:close/>
              </a:path>
            </a:pathLst>
          </a:custGeom>
          <a:solidFill>
            <a:schemeClr val="accent2">
              <a:lumMod val="75000"/>
            </a:schemeClr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3200" kern="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  <a:cs typeface="Arial"/>
                <a:sym typeface="Arial"/>
              </a:rPr>
              <a:t>b</a:t>
            </a:r>
            <a:endParaRPr sz="3200" kern="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  <a:cs typeface="Arial"/>
              <a:sym typeface="Arial"/>
            </a:endParaRPr>
          </a:p>
        </p:txBody>
      </p:sp>
    </p:spTree>
    <p:extLst>
      <p:ext uri="{BB962C8B-B14F-4D97-AF65-F5344CB8AC3E}">
        <p14:creationId xmlns:p14="http://schemas.microsoft.com/office/powerpoint/2010/main" val="1126988356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>
        <p15:prstTrans prst="peelOff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4" name="Google Shape;118;p13">
            <a:extLst>
              <a:ext uri="{FF2B5EF4-FFF2-40B4-BE49-F238E27FC236}">
                <a16:creationId xmlns:a16="http://schemas.microsoft.com/office/drawing/2014/main" id="{8623B441-3146-4DFB-BBEA-972FA19B5FEA}"/>
              </a:ext>
            </a:extLst>
          </p:cNvPr>
          <p:cNvSpPr/>
          <p:nvPr/>
        </p:nvSpPr>
        <p:spPr>
          <a:xfrm>
            <a:off x="2595896" y="233794"/>
            <a:ext cx="1097296" cy="760270"/>
          </a:xfrm>
          <a:custGeom>
            <a:avLst/>
            <a:gdLst/>
            <a:ahLst/>
            <a:cxnLst/>
            <a:rect l="l" t="t" r="r" b="b"/>
            <a:pathLst>
              <a:path w="16706" h="14997" extrusionOk="0">
                <a:moveTo>
                  <a:pt x="4299" y="0"/>
                </a:moveTo>
                <a:lnTo>
                  <a:pt x="3859" y="25"/>
                </a:lnTo>
                <a:lnTo>
                  <a:pt x="3444" y="74"/>
                </a:lnTo>
                <a:lnTo>
                  <a:pt x="3029" y="196"/>
                </a:lnTo>
                <a:lnTo>
                  <a:pt x="2614" y="342"/>
                </a:lnTo>
                <a:lnTo>
                  <a:pt x="2247" y="513"/>
                </a:lnTo>
                <a:lnTo>
                  <a:pt x="1905" y="733"/>
                </a:lnTo>
                <a:lnTo>
                  <a:pt x="1563" y="977"/>
                </a:lnTo>
                <a:lnTo>
                  <a:pt x="1270" y="1246"/>
                </a:lnTo>
                <a:lnTo>
                  <a:pt x="977" y="1563"/>
                </a:lnTo>
                <a:lnTo>
                  <a:pt x="733" y="1881"/>
                </a:lnTo>
                <a:lnTo>
                  <a:pt x="513" y="2247"/>
                </a:lnTo>
                <a:lnTo>
                  <a:pt x="342" y="2614"/>
                </a:lnTo>
                <a:lnTo>
                  <a:pt x="196" y="3004"/>
                </a:lnTo>
                <a:lnTo>
                  <a:pt x="98" y="3420"/>
                </a:lnTo>
                <a:lnTo>
                  <a:pt x="25" y="3859"/>
                </a:lnTo>
                <a:lnTo>
                  <a:pt x="0" y="4299"/>
                </a:lnTo>
                <a:lnTo>
                  <a:pt x="0" y="4592"/>
                </a:lnTo>
                <a:lnTo>
                  <a:pt x="25" y="4885"/>
                </a:lnTo>
                <a:lnTo>
                  <a:pt x="122" y="5447"/>
                </a:lnTo>
                <a:lnTo>
                  <a:pt x="245" y="6008"/>
                </a:lnTo>
                <a:lnTo>
                  <a:pt x="440" y="6546"/>
                </a:lnTo>
                <a:lnTo>
                  <a:pt x="660" y="7059"/>
                </a:lnTo>
                <a:lnTo>
                  <a:pt x="928" y="7547"/>
                </a:lnTo>
                <a:lnTo>
                  <a:pt x="1197" y="8011"/>
                </a:lnTo>
                <a:lnTo>
                  <a:pt x="1515" y="8475"/>
                </a:lnTo>
                <a:lnTo>
                  <a:pt x="1856" y="8915"/>
                </a:lnTo>
                <a:lnTo>
                  <a:pt x="2198" y="9330"/>
                </a:lnTo>
                <a:lnTo>
                  <a:pt x="2565" y="9745"/>
                </a:lnTo>
                <a:lnTo>
                  <a:pt x="2931" y="10136"/>
                </a:lnTo>
                <a:lnTo>
                  <a:pt x="3639" y="10869"/>
                </a:lnTo>
                <a:lnTo>
                  <a:pt x="4299" y="11528"/>
                </a:lnTo>
                <a:lnTo>
                  <a:pt x="4861" y="12065"/>
                </a:lnTo>
                <a:lnTo>
                  <a:pt x="5496" y="12627"/>
                </a:lnTo>
                <a:lnTo>
                  <a:pt x="6839" y="13775"/>
                </a:lnTo>
                <a:lnTo>
                  <a:pt x="7913" y="14654"/>
                </a:lnTo>
                <a:lnTo>
                  <a:pt x="8353" y="14996"/>
                </a:lnTo>
                <a:lnTo>
                  <a:pt x="8793" y="14654"/>
                </a:lnTo>
                <a:lnTo>
                  <a:pt x="9843" y="13799"/>
                </a:lnTo>
                <a:lnTo>
                  <a:pt x="11186" y="12651"/>
                </a:lnTo>
                <a:lnTo>
                  <a:pt x="11821" y="12090"/>
                </a:lnTo>
                <a:lnTo>
                  <a:pt x="12407" y="11528"/>
                </a:lnTo>
                <a:lnTo>
                  <a:pt x="13067" y="10869"/>
                </a:lnTo>
                <a:lnTo>
                  <a:pt x="13775" y="10136"/>
                </a:lnTo>
                <a:lnTo>
                  <a:pt x="14141" y="9745"/>
                </a:lnTo>
                <a:lnTo>
                  <a:pt x="14508" y="9330"/>
                </a:lnTo>
                <a:lnTo>
                  <a:pt x="14850" y="8915"/>
                </a:lnTo>
                <a:lnTo>
                  <a:pt x="15191" y="8475"/>
                </a:lnTo>
                <a:lnTo>
                  <a:pt x="15509" y="8011"/>
                </a:lnTo>
                <a:lnTo>
                  <a:pt x="15778" y="7547"/>
                </a:lnTo>
                <a:lnTo>
                  <a:pt x="16046" y="7059"/>
                </a:lnTo>
                <a:lnTo>
                  <a:pt x="16266" y="6546"/>
                </a:lnTo>
                <a:lnTo>
                  <a:pt x="16461" y="6008"/>
                </a:lnTo>
                <a:lnTo>
                  <a:pt x="16584" y="5447"/>
                </a:lnTo>
                <a:lnTo>
                  <a:pt x="16681" y="4885"/>
                </a:lnTo>
                <a:lnTo>
                  <a:pt x="16706" y="4592"/>
                </a:lnTo>
                <a:lnTo>
                  <a:pt x="16706" y="4299"/>
                </a:lnTo>
                <a:lnTo>
                  <a:pt x="16681" y="3859"/>
                </a:lnTo>
                <a:lnTo>
                  <a:pt x="16608" y="3420"/>
                </a:lnTo>
                <a:lnTo>
                  <a:pt x="16510" y="3004"/>
                </a:lnTo>
                <a:lnTo>
                  <a:pt x="16364" y="2614"/>
                </a:lnTo>
                <a:lnTo>
                  <a:pt x="16193" y="2247"/>
                </a:lnTo>
                <a:lnTo>
                  <a:pt x="15973" y="1881"/>
                </a:lnTo>
                <a:lnTo>
                  <a:pt x="15729" y="1563"/>
                </a:lnTo>
                <a:lnTo>
                  <a:pt x="15436" y="1246"/>
                </a:lnTo>
                <a:lnTo>
                  <a:pt x="15143" y="977"/>
                </a:lnTo>
                <a:lnTo>
                  <a:pt x="14801" y="733"/>
                </a:lnTo>
                <a:lnTo>
                  <a:pt x="14459" y="513"/>
                </a:lnTo>
                <a:lnTo>
                  <a:pt x="14092" y="342"/>
                </a:lnTo>
                <a:lnTo>
                  <a:pt x="13677" y="196"/>
                </a:lnTo>
                <a:lnTo>
                  <a:pt x="13262" y="74"/>
                </a:lnTo>
                <a:lnTo>
                  <a:pt x="12847" y="25"/>
                </a:lnTo>
                <a:lnTo>
                  <a:pt x="12407" y="0"/>
                </a:lnTo>
                <a:lnTo>
                  <a:pt x="12065" y="0"/>
                </a:lnTo>
                <a:lnTo>
                  <a:pt x="11723" y="49"/>
                </a:lnTo>
                <a:lnTo>
                  <a:pt x="11381" y="122"/>
                </a:lnTo>
                <a:lnTo>
                  <a:pt x="11064" y="196"/>
                </a:lnTo>
                <a:lnTo>
                  <a:pt x="10746" y="318"/>
                </a:lnTo>
                <a:lnTo>
                  <a:pt x="10453" y="464"/>
                </a:lnTo>
                <a:lnTo>
                  <a:pt x="10160" y="611"/>
                </a:lnTo>
                <a:lnTo>
                  <a:pt x="9892" y="806"/>
                </a:lnTo>
                <a:lnTo>
                  <a:pt x="9647" y="1002"/>
                </a:lnTo>
                <a:lnTo>
                  <a:pt x="9403" y="1221"/>
                </a:lnTo>
                <a:lnTo>
                  <a:pt x="9183" y="1466"/>
                </a:lnTo>
                <a:lnTo>
                  <a:pt x="8964" y="1710"/>
                </a:lnTo>
                <a:lnTo>
                  <a:pt x="8793" y="1979"/>
                </a:lnTo>
                <a:lnTo>
                  <a:pt x="8622" y="2272"/>
                </a:lnTo>
                <a:lnTo>
                  <a:pt x="8475" y="2565"/>
                </a:lnTo>
                <a:lnTo>
                  <a:pt x="8353" y="2858"/>
                </a:lnTo>
                <a:lnTo>
                  <a:pt x="8231" y="2565"/>
                </a:lnTo>
                <a:lnTo>
                  <a:pt x="8084" y="2272"/>
                </a:lnTo>
                <a:lnTo>
                  <a:pt x="7913" y="1979"/>
                </a:lnTo>
                <a:lnTo>
                  <a:pt x="7742" y="1710"/>
                </a:lnTo>
                <a:lnTo>
                  <a:pt x="7523" y="1466"/>
                </a:lnTo>
                <a:lnTo>
                  <a:pt x="7303" y="1221"/>
                </a:lnTo>
                <a:lnTo>
                  <a:pt x="7059" y="1002"/>
                </a:lnTo>
                <a:lnTo>
                  <a:pt x="6814" y="806"/>
                </a:lnTo>
                <a:lnTo>
                  <a:pt x="6546" y="611"/>
                </a:lnTo>
                <a:lnTo>
                  <a:pt x="6253" y="464"/>
                </a:lnTo>
                <a:lnTo>
                  <a:pt x="5960" y="318"/>
                </a:lnTo>
                <a:lnTo>
                  <a:pt x="5642" y="196"/>
                </a:lnTo>
                <a:lnTo>
                  <a:pt x="5325" y="122"/>
                </a:lnTo>
                <a:lnTo>
                  <a:pt x="4983" y="49"/>
                </a:lnTo>
                <a:lnTo>
                  <a:pt x="4641" y="0"/>
                </a:lnTo>
                <a:close/>
              </a:path>
            </a:pathLst>
          </a:custGeom>
          <a:solidFill>
            <a:schemeClr val="accent2">
              <a:lumMod val="75000"/>
            </a:schemeClr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3200" kern="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  <a:cs typeface="Arial"/>
                <a:sym typeface="Arial"/>
              </a:rPr>
              <a:t>c</a:t>
            </a:r>
            <a:endParaRPr sz="3200" kern="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  <a:cs typeface="Arial"/>
              <a:sym typeface="Arial"/>
            </a:endParaRPr>
          </a:p>
        </p:txBody>
      </p:sp>
      <p:sp>
        <p:nvSpPr>
          <p:cNvPr id="15" name="Rectangle: Rounded Corners 14">
            <a:extLst>
              <a:ext uri="{FF2B5EF4-FFF2-40B4-BE49-F238E27FC236}">
                <a16:creationId xmlns:a16="http://schemas.microsoft.com/office/drawing/2014/main" id="{9733A5CB-F209-4EF8-91DB-3498EDD910D0}"/>
              </a:ext>
            </a:extLst>
          </p:cNvPr>
          <p:cNvSpPr/>
          <p:nvPr/>
        </p:nvSpPr>
        <p:spPr>
          <a:xfrm>
            <a:off x="3869513" y="198224"/>
            <a:ext cx="4854548" cy="776335"/>
          </a:xfrm>
          <a:prstGeom prst="roundRect">
            <a:avLst/>
          </a:prstGeom>
          <a:solidFill>
            <a:schemeClr val="accent2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Tính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</a:t>
            </a: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tương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</a:t>
            </a: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tác</a:t>
            </a:r>
            <a:endParaRPr lang="en-US" sz="480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</a:endParaRP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742D946C-E67F-412B-B14F-70E4288AFE75}"/>
              </a:ext>
            </a:extLst>
          </p:cNvPr>
          <p:cNvSpPr txBox="1"/>
          <p:nvPr/>
        </p:nvSpPr>
        <p:spPr>
          <a:xfrm>
            <a:off x="744583" y="1268065"/>
            <a:ext cx="10763794" cy="3785652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just" eaLnBrk="1" hangingPunct="1">
              <a:lnSpc>
                <a:spcPct val="150000"/>
              </a:lnSpc>
              <a:defRPr/>
            </a:pP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	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ặ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ù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ự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ếp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ư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ết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ê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ớp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như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ũ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ạo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ô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ườ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ảo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ớ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qua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ệ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ô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ập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ượ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iết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ế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ro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bà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qua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ỗ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phầ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ừ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ó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em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ể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ự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ĩnh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ộ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ủng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ố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ại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iế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ứ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ột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ách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ắc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dirty="0" err="1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ắn</a:t>
            </a:r>
            <a:r>
              <a:rPr lang="en-US" sz="3200" dirty="0" smtClean="0">
                <a:solidFill>
                  <a:srgbClr val="00206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  <a:endParaRPr lang="en-US" sz="3200" dirty="0">
              <a:solidFill>
                <a:srgbClr val="00206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76" name="IMG_2053.gif" descr="IMG_2053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3301926" y="9401"/>
            <a:ext cx="865532" cy="865532"/>
          </a:xfrm>
          <a:prstGeom prst="rect">
            <a:avLst/>
          </a:prstGeom>
          <a:ln w="12700">
            <a:miter lim="400000"/>
          </a:ln>
        </p:spPr>
      </p:pic>
    </p:spTree>
    <p:extLst>
      <p:ext uri="{BB962C8B-B14F-4D97-AF65-F5344CB8AC3E}">
        <p14:creationId xmlns:p14="http://schemas.microsoft.com/office/powerpoint/2010/main" val="3235324881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>
        <p15:prstTrans prst="peelOff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1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2921527" y="-836580"/>
            <a:ext cx="3479216" cy="3479216"/>
          </a:xfrm>
          <a:prstGeom prst="rect">
            <a:avLst/>
          </a:prstGeom>
          <a:ln w="12700">
            <a:miter lim="400000"/>
          </a:ln>
        </p:spPr>
      </p:pic>
      <p:pic>
        <p:nvPicPr>
          <p:cNvPr id="162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6266715" y="-714620"/>
            <a:ext cx="3479216" cy="3479216"/>
          </a:xfrm>
          <a:prstGeom prst="rect">
            <a:avLst/>
          </a:prstGeom>
          <a:ln w="12700">
            <a:miter lim="400000"/>
          </a:ln>
        </p:spPr>
      </p:pic>
      <p:pic>
        <p:nvPicPr>
          <p:cNvPr id="163" name="IMG_2049.gif" descr="IMG_2049.gif"/>
          <p:cNvPicPr>
            <a:picLocks/>
          </p:cNvPicPr>
          <p:nvPr/>
        </p:nvPicPr>
        <p:blipFill>
          <a:blip r:embed="rId3"/>
          <a:stretch>
            <a:fillRect/>
          </a:stretch>
        </p:blipFill>
        <p:spPr>
          <a:xfrm>
            <a:off x="9402828" y="-714620"/>
            <a:ext cx="3479216" cy="3479216"/>
          </a:xfrm>
          <a:prstGeom prst="rect">
            <a:avLst/>
          </a:prstGeom>
          <a:ln w="12700">
            <a:miter lim="400000"/>
          </a:ln>
        </p:spPr>
      </p:pic>
      <p:sp>
        <p:nvSpPr>
          <p:cNvPr id="8" name="Google Shape;118;p13">
            <a:extLst>
              <a:ext uri="{FF2B5EF4-FFF2-40B4-BE49-F238E27FC236}">
                <a16:creationId xmlns:a16="http://schemas.microsoft.com/office/drawing/2014/main" id="{D44AC6A6-92E1-47A6-8C84-AA5523822E1F}"/>
              </a:ext>
            </a:extLst>
          </p:cNvPr>
          <p:cNvSpPr/>
          <p:nvPr/>
        </p:nvSpPr>
        <p:spPr>
          <a:xfrm>
            <a:off x="2372879" y="919668"/>
            <a:ext cx="1097296" cy="760270"/>
          </a:xfrm>
          <a:custGeom>
            <a:avLst/>
            <a:gdLst/>
            <a:ahLst/>
            <a:cxnLst/>
            <a:rect l="l" t="t" r="r" b="b"/>
            <a:pathLst>
              <a:path w="16706" h="14997" extrusionOk="0">
                <a:moveTo>
                  <a:pt x="4299" y="0"/>
                </a:moveTo>
                <a:lnTo>
                  <a:pt x="3859" y="25"/>
                </a:lnTo>
                <a:lnTo>
                  <a:pt x="3444" y="74"/>
                </a:lnTo>
                <a:lnTo>
                  <a:pt x="3029" y="196"/>
                </a:lnTo>
                <a:lnTo>
                  <a:pt x="2614" y="342"/>
                </a:lnTo>
                <a:lnTo>
                  <a:pt x="2247" y="513"/>
                </a:lnTo>
                <a:lnTo>
                  <a:pt x="1905" y="733"/>
                </a:lnTo>
                <a:lnTo>
                  <a:pt x="1563" y="977"/>
                </a:lnTo>
                <a:lnTo>
                  <a:pt x="1270" y="1246"/>
                </a:lnTo>
                <a:lnTo>
                  <a:pt x="977" y="1563"/>
                </a:lnTo>
                <a:lnTo>
                  <a:pt x="733" y="1881"/>
                </a:lnTo>
                <a:lnTo>
                  <a:pt x="513" y="2247"/>
                </a:lnTo>
                <a:lnTo>
                  <a:pt x="342" y="2614"/>
                </a:lnTo>
                <a:lnTo>
                  <a:pt x="196" y="3004"/>
                </a:lnTo>
                <a:lnTo>
                  <a:pt x="98" y="3420"/>
                </a:lnTo>
                <a:lnTo>
                  <a:pt x="25" y="3859"/>
                </a:lnTo>
                <a:lnTo>
                  <a:pt x="0" y="4299"/>
                </a:lnTo>
                <a:lnTo>
                  <a:pt x="0" y="4592"/>
                </a:lnTo>
                <a:lnTo>
                  <a:pt x="25" y="4885"/>
                </a:lnTo>
                <a:lnTo>
                  <a:pt x="122" y="5447"/>
                </a:lnTo>
                <a:lnTo>
                  <a:pt x="245" y="6008"/>
                </a:lnTo>
                <a:lnTo>
                  <a:pt x="440" y="6546"/>
                </a:lnTo>
                <a:lnTo>
                  <a:pt x="660" y="7059"/>
                </a:lnTo>
                <a:lnTo>
                  <a:pt x="928" y="7547"/>
                </a:lnTo>
                <a:lnTo>
                  <a:pt x="1197" y="8011"/>
                </a:lnTo>
                <a:lnTo>
                  <a:pt x="1515" y="8475"/>
                </a:lnTo>
                <a:lnTo>
                  <a:pt x="1856" y="8915"/>
                </a:lnTo>
                <a:lnTo>
                  <a:pt x="2198" y="9330"/>
                </a:lnTo>
                <a:lnTo>
                  <a:pt x="2565" y="9745"/>
                </a:lnTo>
                <a:lnTo>
                  <a:pt x="2931" y="10136"/>
                </a:lnTo>
                <a:lnTo>
                  <a:pt x="3639" y="10869"/>
                </a:lnTo>
                <a:lnTo>
                  <a:pt x="4299" y="11528"/>
                </a:lnTo>
                <a:lnTo>
                  <a:pt x="4861" y="12065"/>
                </a:lnTo>
                <a:lnTo>
                  <a:pt x="5496" y="12627"/>
                </a:lnTo>
                <a:lnTo>
                  <a:pt x="6839" y="13775"/>
                </a:lnTo>
                <a:lnTo>
                  <a:pt x="7913" y="14654"/>
                </a:lnTo>
                <a:lnTo>
                  <a:pt x="8353" y="14996"/>
                </a:lnTo>
                <a:lnTo>
                  <a:pt x="8793" y="14654"/>
                </a:lnTo>
                <a:lnTo>
                  <a:pt x="9843" y="13799"/>
                </a:lnTo>
                <a:lnTo>
                  <a:pt x="11186" y="12651"/>
                </a:lnTo>
                <a:lnTo>
                  <a:pt x="11821" y="12090"/>
                </a:lnTo>
                <a:lnTo>
                  <a:pt x="12407" y="11528"/>
                </a:lnTo>
                <a:lnTo>
                  <a:pt x="13067" y="10869"/>
                </a:lnTo>
                <a:lnTo>
                  <a:pt x="13775" y="10136"/>
                </a:lnTo>
                <a:lnTo>
                  <a:pt x="14141" y="9745"/>
                </a:lnTo>
                <a:lnTo>
                  <a:pt x="14508" y="9330"/>
                </a:lnTo>
                <a:lnTo>
                  <a:pt x="14850" y="8915"/>
                </a:lnTo>
                <a:lnTo>
                  <a:pt x="15191" y="8475"/>
                </a:lnTo>
                <a:lnTo>
                  <a:pt x="15509" y="8011"/>
                </a:lnTo>
                <a:lnTo>
                  <a:pt x="15778" y="7547"/>
                </a:lnTo>
                <a:lnTo>
                  <a:pt x="16046" y="7059"/>
                </a:lnTo>
                <a:lnTo>
                  <a:pt x="16266" y="6546"/>
                </a:lnTo>
                <a:lnTo>
                  <a:pt x="16461" y="6008"/>
                </a:lnTo>
                <a:lnTo>
                  <a:pt x="16584" y="5447"/>
                </a:lnTo>
                <a:lnTo>
                  <a:pt x="16681" y="4885"/>
                </a:lnTo>
                <a:lnTo>
                  <a:pt x="16706" y="4592"/>
                </a:lnTo>
                <a:lnTo>
                  <a:pt x="16706" y="4299"/>
                </a:lnTo>
                <a:lnTo>
                  <a:pt x="16681" y="3859"/>
                </a:lnTo>
                <a:lnTo>
                  <a:pt x="16608" y="3420"/>
                </a:lnTo>
                <a:lnTo>
                  <a:pt x="16510" y="3004"/>
                </a:lnTo>
                <a:lnTo>
                  <a:pt x="16364" y="2614"/>
                </a:lnTo>
                <a:lnTo>
                  <a:pt x="16193" y="2247"/>
                </a:lnTo>
                <a:lnTo>
                  <a:pt x="15973" y="1881"/>
                </a:lnTo>
                <a:lnTo>
                  <a:pt x="15729" y="1563"/>
                </a:lnTo>
                <a:lnTo>
                  <a:pt x="15436" y="1246"/>
                </a:lnTo>
                <a:lnTo>
                  <a:pt x="15143" y="977"/>
                </a:lnTo>
                <a:lnTo>
                  <a:pt x="14801" y="733"/>
                </a:lnTo>
                <a:lnTo>
                  <a:pt x="14459" y="513"/>
                </a:lnTo>
                <a:lnTo>
                  <a:pt x="14092" y="342"/>
                </a:lnTo>
                <a:lnTo>
                  <a:pt x="13677" y="196"/>
                </a:lnTo>
                <a:lnTo>
                  <a:pt x="13262" y="74"/>
                </a:lnTo>
                <a:lnTo>
                  <a:pt x="12847" y="25"/>
                </a:lnTo>
                <a:lnTo>
                  <a:pt x="12407" y="0"/>
                </a:lnTo>
                <a:lnTo>
                  <a:pt x="12065" y="0"/>
                </a:lnTo>
                <a:lnTo>
                  <a:pt x="11723" y="49"/>
                </a:lnTo>
                <a:lnTo>
                  <a:pt x="11381" y="122"/>
                </a:lnTo>
                <a:lnTo>
                  <a:pt x="11064" y="196"/>
                </a:lnTo>
                <a:lnTo>
                  <a:pt x="10746" y="318"/>
                </a:lnTo>
                <a:lnTo>
                  <a:pt x="10453" y="464"/>
                </a:lnTo>
                <a:lnTo>
                  <a:pt x="10160" y="611"/>
                </a:lnTo>
                <a:lnTo>
                  <a:pt x="9892" y="806"/>
                </a:lnTo>
                <a:lnTo>
                  <a:pt x="9647" y="1002"/>
                </a:lnTo>
                <a:lnTo>
                  <a:pt x="9403" y="1221"/>
                </a:lnTo>
                <a:lnTo>
                  <a:pt x="9183" y="1466"/>
                </a:lnTo>
                <a:lnTo>
                  <a:pt x="8964" y="1710"/>
                </a:lnTo>
                <a:lnTo>
                  <a:pt x="8793" y="1979"/>
                </a:lnTo>
                <a:lnTo>
                  <a:pt x="8622" y="2272"/>
                </a:lnTo>
                <a:lnTo>
                  <a:pt x="8475" y="2565"/>
                </a:lnTo>
                <a:lnTo>
                  <a:pt x="8353" y="2858"/>
                </a:lnTo>
                <a:lnTo>
                  <a:pt x="8231" y="2565"/>
                </a:lnTo>
                <a:lnTo>
                  <a:pt x="8084" y="2272"/>
                </a:lnTo>
                <a:lnTo>
                  <a:pt x="7913" y="1979"/>
                </a:lnTo>
                <a:lnTo>
                  <a:pt x="7742" y="1710"/>
                </a:lnTo>
                <a:lnTo>
                  <a:pt x="7523" y="1466"/>
                </a:lnTo>
                <a:lnTo>
                  <a:pt x="7303" y="1221"/>
                </a:lnTo>
                <a:lnTo>
                  <a:pt x="7059" y="1002"/>
                </a:lnTo>
                <a:lnTo>
                  <a:pt x="6814" y="806"/>
                </a:lnTo>
                <a:lnTo>
                  <a:pt x="6546" y="611"/>
                </a:lnTo>
                <a:lnTo>
                  <a:pt x="6253" y="464"/>
                </a:lnTo>
                <a:lnTo>
                  <a:pt x="5960" y="318"/>
                </a:lnTo>
                <a:lnTo>
                  <a:pt x="5642" y="196"/>
                </a:lnTo>
                <a:lnTo>
                  <a:pt x="5325" y="122"/>
                </a:lnTo>
                <a:lnTo>
                  <a:pt x="4983" y="49"/>
                </a:lnTo>
                <a:lnTo>
                  <a:pt x="4641" y="0"/>
                </a:lnTo>
                <a:close/>
              </a:path>
            </a:pathLst>
          </a:custGeom>
          <a:solidFill>
            <a:schemeClr val="accent2">
              <a:lumMod val="75000"/>
            </a:schemeClr>
          </a:solidFill>
          <a:ln>
            <a:noFill/>
          </a:ln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3200" kern="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  <a:cs typeface="Arial"/>
                <a:sym typeface="Arial"/>
              </a:rPr>
              <a:t>d</a:t>
            </a:r>
            <a:endParaRPr sz="3200" kern="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  <a:cs typeface="Arial"/>
              <a:sym typeface="Arial"/>
            </a:endParaRPr>
          </a:p>
        </p:txBody>
      </p:sp>
      <p:sp>
        <p:nvSpPr>
          <p:cNvPr id="9" name="Rectangle: Rounded Corners 8">
            <a:extLst>
              <a:ext uri="{FF2B5EF4-FFF2-40B4-BE49-F238E27FC236}">
                <a16:creationId xmlns:a16="http://schemas.microsoft.com/office/drawing/2014/main" id="{E5C71231-BD68-4ED5-A03D-86C987E9E6E5}"/>
              </a:ext>
            </a:extLst>
          </p:cNvPr>
          <p:cNvSpPr/>
          <p:nvPr/>
        </p:nvSpPr>
        <p:spPr>
          <a:xfrm>
            <a:off x="3500819" y="820042"/>
            <a:ext cx="6578942" cy="859896"/>
          </a:xfrm>
          <a:prstGeom prst="roundRect">
            <a:avLst/>
          </a:prstGeom>
          <a:solidFill>
            <a:schemeClr val="accent2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>
              <a:defRPr/>
            </a:pPr>
            <a:endParaRPr lang="en-US" sz="480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</a:endParaRPr>
          </a:p>
          <a:p>
            <a:pPr algn="ctr">
              <a:defRPr/>
            </a:pP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Môi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</a:t>
            </a: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trường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</a:t>
            </a: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học</a:t>
            </a:r>
            <a:r>
              <a:rPr lang="en-US" sz="4800" dirty="0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 </a:t>
            </a:r>
            <a:r>
              <a:rPr lang="en-US" sz="4800" dirty="0" err="1">
                <a:solidFill>
                  <a:schemeClr val="bg1">
                    <a:lumMod val="20000"/>
                    <a:lumOff val="80000"/>
                  </a:schemeClr>
                </a:solidFill>
                <a:latin typeface="Bookman Old Style" panose="02050604050505020204" pitchFamily="18" charset="0"/>
              </a:rPr>
              <a:t>tập</a:t>
            </a:r>
            <a:endParaRPr lang="en-US" sz="4800" dirty="0">
              <a:solidFill>
                <a:schemeClr val="bg1">
                  <a:lumMod val="20000"/>
                  <a:lumOff val="80000"/>
                </a:schemeClr>
              </a:solidFill>
              <a:latin typeface="Bookman Old Style" panose="02050604050505020204" pitchFamily="18" charset="0"/>
            </a:endParaRPr>
          </a:p>
          <a:p>
            <a:pPr algn="ctr">
              <a:defRPr/>
            </a:pPr>
            <a:endParaRPr lang="en-US" sz="4800" kern="10" dirty="0">
              <a:ln w="9525">
                <a:solidFill>
                  <a:srgbClr val="000000"/>
                </a:solidFill>
                <a:round/>
                <a:headEnd/>
                <a:tailEnd/>
              </a:ln>
              <a:solidFill>
                <a:schemeClr val="tx2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" name="IMG_2053.gif" descr="IMG_2053.gif">
            <a:extLst>
              <a:ext uri="{FF2B5EF4-FFF2-40B4-BE49-F238E27FC236}">
                <a16:creationId xmlns:a16="http://schemas.microsoft.com/office/drawing/2014/main" id="{1A94CBEB-6722-4BA9-A975-FA6278BDBE59}"/>
              </a:ext>
            </a:extLst>
          </p:cNvPr>
          <p:cNvPicPr>
            <a:picLocks/>
          </p:cNvPicPr>
          <p:nvPr/>
        </p:nvPicPr>
        <p:blipFill>
          <a:blip r:embed="rId4"/>
          <a:stretch>
            <a:fillRect/>
          </a:stretch>
        </p:blipFill>
        <p:spPr>
          <a:xfrm>
            <a:off x="10341882" y="1247172"/>
            <a:ext cx="865532" cy="865532"/>
          </a:xfrm>
          <a:prstGeom prst="rect">
            <a:avLst/>
          </a:prstGeom>
          <a:ln w="12700">
            <a:miter lim="400000"/>
          </a:ln>
        </p:spPr>
      </p:pic>
      <p:sp>
        <p:nvSpPr>
          <p:cNvPr id="14" name="TextBox 13">
            <a:extLst>
              <a:ext uri="{FF2B5EF4-FFF2-40B4-BE49-F238E27FC236}">
                <a16:creationId xmlns:a16="http://schemas.microsoft.com/office/drawing/2014/main" id="{FF61B4CF-3B33-4998-B4BF-0ACA0731C295}"/>
              </a:ext>
            </a:extLst>
          </p:cNvPr>
          <p:cNvSpPr txBox="1"/>
          <p:nvPr/>
        </p:nvSpPr>
        <p:spPr>
          <a:xfrm>
            <a:off x="1369986" y="2020546"/>
            <a:ext cx="9321700" cy="584775"/>
          </a:xfrm>
          <a:prstGeom prst="rect">
            <a:avLst/>
          </a:prstGeom>
          <a:noFill/>
        </p:spPr>
        <p:txBody>
          <a:bodyPr wrap="square">
            <a:spAutoFit/>
          </a:bodyPr>
          <a:lstStyle/>
          <a:p>
            <a:pPr algn="ctr">
              <a:defRPr/>
            </a:pPr>
            <a:r>
              <a:rPr lang="en-US" sz="3200" kern="10" dirty="0" err="1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Phù</a:t>
            </a:r>
            <a:r>
              <a:rPr lang="en-US" sz="3200" kern="10" dirty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hợp</a:t>
            </a:r>
            <a:r>
              <a:rPr lang="en-US" sz="3200" kern="10" dirty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với</a:t>
            </a:r>
            <a:r>
              <a:rPr lang="en-US" sz="3200" kern="10" dirty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việc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tự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học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hay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tự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ôn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tập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bài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 </a:t>
            </a:r>
            <a:r>
              <a:rPr lang="en-US" sz="3200" kern="10" dirty="0" err="1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cũ</a:t>
            </a:r>
            <a:r>
              <a:rPr lang="en-US" sz="3200" kern="10" dirty="0" smtClean="0">
                <a:ln w="9525">
                  <a:solidFill>
                    <a:srgbClr val="000000"/>
                  </a:solidFill>
                  <a:round/>
                  <a:headEnd/>
                  <a:tailEnd/>
                </a:ln>
                <a:solidFill>
                  <a:srgbClr val="002060"/>
                </a:solidFill>
                <a:latin typeface="Times New Roman" panose="02020603050405020304" pitchFamily="18" charset="0"/>
                <a:ea typeface="SimSun-ExtB" panose="02010609060101010101" pitchFamily="49" charset="-122"/>
                <a:cs typeface="Times New Roman" panose="02020603050405020304" pitchFamily="18" charset="0"/>
              </a:rPr>
              <a:t>.</a:t>
            </a:r>
            <a:endParaRPr lang="en-US" sz="3200" kern="10" dirty="0">
              <a:ln w="9525">
                <a:solidFill>
                  <a:srgbClr val="000000"/>
                </a:solidFill>
                <a:round/>
                <a:headEnd/>
                <a:tailEnd/>
              </a:ln>
              <a:solidFill>
                <a:srgbClr val="002060"/>
              </a:solidFill>
              <a:latin typeface="Times New Roman" panose="02020603050405020304" pitchFamily="18" charset="0"/>
              <a:ea typeface="SimSun-ExtB" panose="02010609060101010101" pitchFamily="49" charset="-122"/>
              <a:cs typeface="Times New Roman" panose="02020603050405020304" pitchFamily="18" charset="0"/>
            </a:endParaRPr>
          </a:p>
        </p:txBody>
      </p:sp>
      <p:pic>
        <p:nvPicPr>
          <p:cNvPr id="15" name="IMG_2053.gif" descr="IMG_2053.gif">
            <a:extLst>
              <a:ext uri="{FF2B5EF4-FFF2-40B4-BE49-F238E27FC236}">
                <a16:creationId xmlns:a16="http://schemas.microsoft.com/office/drawing/2014/main" id="{B6D4DEDE-30AD-424F-B30C-C005CABAC1DA}"/>
              </a:ext>
            </a:extLst>
          </p:cNvPr>
          <p:cNvPicPr>
            <a:picLocks/>
          </p:cNvPicPr>
          <p:nvPr/>
        </p:nvPicPr>
        <p:blipFill>
          <a:blip r:embed="rId4"/>
          <a:stretch>
            <a:fillRect/>
          </a:stretch>
        </p:blipFill>
        <p:spPr>
          <a:xfrm>
            <a:off x="3368836" y="678536"/>
            <a:ext cx="865532" cy="865532"/>
          </a:xfrm>
          <a:prstGeom prst="rect">
            <a:avLst/>
          </a:prstGeom>
          <a:ln w="12700">
            <a:miter lim="400000"/>
          </a:ln>
        </p:spPr>
      </p:pic>
    </p:spTree>
    <p:extLst>
      <p:ext uri="{BB962C8B-B14F-4D97-AF65-F5344CB8AC3E}">
        <p14:creationId xmlns:p14="http://schemas.microsoft.com/office/powerpoint/2010/main" val="373620084"/>
      </p:ext>
    </p:extLst>
  </p:cSld>
  <p:clrMapOvr>
    <a:masterClrMapping/>
  </p:clrMapOvr>
  <mc:AlternateContent xmlns:mc="http://schemas.openxmlformats.org/markup-compatibility/2006" xmlns:p15="http://schemas.microsoft.com/office/powerpoint/2012/main">
    <mc:Choice Requires="p15">
      <p:transition xmlns:p14="http://schemas.microsoft.com/office/powerpoint/2010/main" spd="slow" p14:dur="1250">
        <p15:prstTrans prst="peelOff"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1" y="-203220"/>
            <a:ext cx="12192001" cy="70612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5" name="Rounded Rectangle 18">
            <a:extLst>
              <a:ext uri="{FF2B5EF4-FFF2-40B4-BE49-F238E27FC236}">
                <a16:creationId xmlns:a16="http://schemas.microsoft.com/office/drawing/2014/main" id="{DEF27721-BA1B-43C9-87B5-15CAFC6572C3}"/>
              </a:ext>
            </a:extLst>
          </p:cNvPr>
          <p:cNvSpPr/>
          <p:nvPr/>
        </p:nvSpPr>
        <p:spPr>
          <a:xfrm>
            <a:off x="3853542" y="-378"/>
            <a:ext cx="6916157" cy="838200"/>
          </a:xfrm>
          <a:prstGeom prst="roundRect">
            <a:avLst/>
          </a:prstGeom>
          <a:solidFill>
            <a:schemeClr val="accent2">
              <a:lumMod val="60000"/>
              <a:lumOff val="40000"/>
            </a:schemeClr>
          </a:solidFill>
          <a:ln>
            <a:solidFill>
              <a:srgbClr val="00B05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500" b="1" dirty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ẾT LUẬN</a:t>
            </a:r>
          </a:p>
        </p:txBody>
      </p:sp>
      <p:sp>
        <p:nvSpPr>
          <p:cNvPr id="8" name="TextBox 7">
            <a:extLst>
              <a:ext uri="{FF2B5EF4-FFF2-40B4-BE49-F238E27FC236}">
                <a16:creationId xmlns:a16="http://schemas.microsoft.com/office/drawing/2014/main" id="{9888D0A9-E546-40A4-9AA6-0F94E368FAA1}"/>
              </a:ext>
            </a:extLst>
          </p:cNvPr>
          <p:cNvSpPr txBox="1"/>
          <p:nvPr/>
        </p:nvSpPr>
        <p:spPr>
          <a:xfrm>
            <a:off x="209006" y="1374100"/>
            <a:ext cx="11599817" cy="393954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2800" dirty="0" smtClean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	</a:t>
            </a:r>
            <a:r>
              <a:rPr lang="en-US" sz="3200" dirty="0" err="1" smtClean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rên</a:t>
            </a:r>
            <a:r>
              <a:rPr lang="en-US" sz="3200" dirty="0" smtClean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ây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là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oàn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ộ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ản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uyết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minh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ho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à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ảng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E- Learning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ủa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ô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rong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à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ảng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ô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ã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ha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ác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ác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ộ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dung,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ương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áp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hư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: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ảng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ải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rực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quan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ân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ích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ực</a:t>
            </a:r>
            <a:r>
              <a:rPr lang="en-US" sz="3200" dirty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3200" dirty="0" err="1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ành</a:t>
            </a:r>
            <a:r>
              <a:rPr lang="en-US" sz="3200" dirty="0" smtClean="0"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...</a:t>
            </a:r>
            <a:endParaRPr lang="en-US" sz="3200" dirty="0" smtClean="0">
              <a:latin typeface="Times New Roman"/>
              <a:ea typeface="Calibri"/>
              <a:cs typeface="Times New Roman"/>
            </a:endParaRPr>
          </a:p>
          <a:p>
            <a:pPr algn="just">
              <a:lnSpc>
                <a:spcPct val="150000"/>
              </a:lnSpc>
              <a:spcBef>
                <a:spcPts val="600"/>
              </a:spcBef>
              <a:spcAft>
                <a:spcPts val="600"/>
              </a:spcAft>
            </a:pPr>
            <a:r>
              <a:rPr lang="en-US" sz="3200" dirty="0">
                <a:latin typeface="Times New Roman"/>
                <a:ea typeface="Calibri"/>
                <a:cs typeface="Times New Roman"/>
              </a:rPr>
              <a:t>	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Hi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vọng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bài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giảng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giúp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lan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>
                <a:latin typeface="Times New Roman"/>
                <a:ea typeface="Calibri"/>
                <a:cs typeface="Times New Roman"/>
              </a:rPr>
              <a:t>tỏa</a:t>
            </a:r>
            <a:r>
              <a:rPr lang="en-US" sz="3200" dirty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rộng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rãi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đến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toàn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thể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học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sinh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lớp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5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trên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mọi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miền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Tổ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 </a:t>
            </a:r>
            <a:r>
              <a:rPr lang="en-US" sz="3200" dirty="0" err="1" smtClean="0">
                <a:latin typeface="Times New Roman"/>
                <a:ea typeface="Calibri"/>
                <a:cs typeface="Times New Roman"/>
              </a:rPr>
              <a:t>quốc</a:t>
            </a:r>
            <a:r>
              <a:rPr lang="en-US" sz="3200" dirty="0" smtClean="0">
                <a:latin typeface="Times New Roman"/>
                <a:ea typeface="Calibri"/>
                <a:cs typeface="Times New Roman"/>
              </a:rPr>
              <a:t>.</a:t>
            </a:r>
            <a:endParaRPr lang="en-US" sz="3200" dirty="0">
              <a:latin typeface="Times New Roman"/>
              <a:ea typeface="Calibri"/>
              <a:cs typeface="Times New Roman"/>
            </a:endParaRPr>
          </a:p>
        </p:txBody>
      </p:sp>
    </p:spTree>
    <p:extLst>
      <p:ext uri="{BB962C8B-B14F-4D97-AF65-F5344CB8AC3E}">
        <p14:creationId xmlns:p14="http://schemas.microsoft.com/office/powerpoint/2010/main" val="2316350027"/>
      </p:ext>
    </p:extLst>
  </p:cSld>
  <p:clrMapOvr>
    <a:masterClrMapping/>
  </p:clrMapOvr>
  <p:transition spd="slow">
    <p:fade/>
  </p:transition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041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042" name="Google Shape;1042;p20"/>
          <p:cNvGrpSpPr/>
          <p:nvPr/>
        </p:nvGrpSpPr>
        <p:grpSpPr>
          <a:xfrm rot="3892115">
            <a:off x="782466" y="2289438"/>
            <a:ext cx="1935504" cy="3473199"/>
            <a:chOff x="101106" y="2960878"/>
            <a:chExt cx="1687576" cy="3858878"/>
          </a:xfrm>
        </p:grpSpPr>
        <p:sp>
          <p:nvSpPr>
            <p:cNvPr id="1043" name="Google Shape;1043;p20"/>
            <p:cNvSpPr/>
            <p:nvPr/>
          </p:nvSpPr>
          <p:spPr>
            <a:xfrm>
              <a:off x="101106" y="2960878"/>
              <a:ext cx="1687576" cy="3858878"/>
            </a:xfrm>
            <a:custGeom>
              <a:avLst/>
              <a:gdLst/>
              <a:ahLst/>
              <a:cxnLst/>
              <a:rect l="l" t="t" r="r" b="b"/>
              <a:pathLst>
                <a:path w="1687576" h="3858878" extrusionOk="0">
                  <a:moveTo>
                    <a:pt x="0" y="3858879"/>
                  </a:moveTo>
                  <a:cubicBezTo>
                    <a:pt x="145113" y="2094467"/>
                    <a:pt x="832088" y="894094"/>
                    <a:pt x="893207" y="664986"/>
                  </a:cubicBezTo>
                  <a:cubicBezTo>
                    <a:pt x="962010" y="451070"/>
                    <a:pt x="1000078" y="-14830"/>
                    <a:pt x="1061197" y="363"/>
                  </a:cubicBezTo>
                  <a:lnTo>
                    <a:pt x="1061197" y="363"/>
                  </a:lnTo>
                  <a:cubicBezTo>
                    <a:pt x="1145191" y="46115"/>
                    <a:pt x="1084073" y="527556"/>
                    <a:pt x="1000078" y="810099"/>
                  </a:cubicBezTo>
                  <a:cubicBezTo>
                    <a:pt x="1389666" y="458754"/>
                    <a:pt x="1657017" y="397635"/>
                    <a:pt x="1687577" y="451070"/>
                  </a:cubicBezTo>
                  <a:cubicBezTo>
                    <a:pt x="1687577" y="512189"/>
                    <a:pt x="1313355" y="664986"/>
                    <a:pt x="1084247" y="916970"/>
                  </a:cubicBezTo>
                  <a:cubicBezTo>
                    <a:pt x="778653" y="1199513"/>
                    <a:pt x="664099" y="1917572"/>
                    <a:pt x="587788" y="2322527"/>
                  </a:cubicBezTo>
                  <a:cubicBezTo>
                    <a:pt x="500825" y="2783363"/>
                    <a:pt x="450882" y="3528488"/>
                    <a:pt x="542560" y="3849274"/>
                  </a:cubicBezTo>
                </a:path>
              </a:pathLst>
            </a:custGeom>
            <a:solidFill>
              <a:srgbClr val="724120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4" name="Google Shape;1044;p20"/>
            <p:cNvSpPr/>
            <p:nvPr/>
          </p:nvSpPr>
          <p:spPr>
            <a:xfrm>
              <a:off x="779057" y="3831456"/>
              <a:ext cx="261635" cy="504625"/>
            </a:xfrm>
            <a:custGeom>
              <a:avLst/>
              <a:gdLst/>
              <a:ahLst/>
              <a:cxnLst/>
              <a:rect l="l" t="t" r="r" b="b"/>
              <a:pathLst>
                <a:path w="261635" h="504625" extrusionOk="0">
                  <a:moveTo>
                    <a:pt x="232021" y="7974"/>
                  </a:moveTo>
                  <a:cubicBezTo>
                    <a:pt x="146979" y="163041"/>
                    <a:pt x="65254" y="320204"/>
                    <a:pt x="1167" y="485399"/>
                  </a:cubicBezTo>
                  <a:cubicBezTo>
                    <a:pt x="-6342" y="504608"/>
                    <a:pt x="24567" y="512815"/>
                    <a:pt x="31901" y="493956"/>
                  </a:cubicBezTo>
                  <a:cubicBezTo>
                    <a:pt x="94940" y="331380"/>
                    <a:pt x="175617" y="176837"/>
                    <a:pt x="259437" y="24214"/>
                  </a:cubicBezTo>
                  <a:cubicBezTo>
                    <a:pt x="269565" y="5879"/>
                    <a:pt x="241975" y="-10187"/>
                    <a:pt x="232021" y="7974"/>
                  </a:cubicBezTo>
                  <a:lnTo>
                    <a:pt x="232021" y="7974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5" name="Google Shape;1045;p20"/>
            <p:cNvSpPr/>
            <p:nvPr/>
          </p:nvSpPr>
          <p:spPr>
            <a:xfrm>
              <a:off x="741557" y="4450472"/>
              <a:ext cx="62490" cy="130486"/>
            </a:xfrm>
            <a:custGeom>
              <a:avLst/>
              <a:gdLst/>
              <a:ahLst/>
              <a:cxnLst/>
              <a:rect l="l" t="t" r="r" b="b"/>
              <a:pathLst>
                <a:path w="62490" h="130486" extrusionOk="0">
                  <a:moveTo>
                    <a:pt x="31158" y="11322"/>
                  </a:moveTo>
                  <a:cubicBezTo>
                    <a:pt x="22427" y="44850"/>
                    <a:pt x="9330" y="77156"/>
                    <a:pt x="598" y="110684"/>
                  </a:cubicBezTo>
                  <a:cubicBezTo>
                    <a:pt x="-4640" y="130591"/>
                    <a:pt x="26094" y="138973"/>
                    <a:pt x="31332" y="119240"/>
                  </a:cubicBezTo>
                  <a:cubicBezTo>
                    <a:pt x="40064" y="85712"/>
                    <a:pt x="53161" y="53407"/>
                    <a:pt x="61892" y="19879"/>
                  </a:cubicBezTo>
                  <a:cubicBezTo>
                    <a:pt x="67131" y="-29"/>
                    <a:pt x="36397" y="-8585"/>
                    <a:pt x="31158" y="11322"/>
                  </a:cubicBezTo>
                  <a:lnTo>
                    <a:pt x="31158" y="11322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6" name="Google Shape;1046;p20"/>
            <p:cNvSpPr/>
            <p:nvPr/>
          </p:nvSpPr>
          <p:spPr>
            <a:xfrm>
              <a:off x="618985" y="4420114"/>
              <a:ext cx="116418" cy="305631"/>
            </a:xfrm>
            <a:custGeom>
              <a:avLst/>
              <a:gdLst/>
              <a:ahLst/>
              <a:cxnLst/>
              <a:rect l="l" t="t" r="r" b="b"/>
              <a:pathLst>
                <a:path w="116418" h="305631" extrusionOk="0">
                  <a:moveTo>
                    <a:pt x="84927" y="11121"/>
                  </a:moveTo>
                  <a:cubicBezTo>
                    <a:pt x="57860" y="103148"/>
                    <a:pt x="31841" y="195350"/>
                    <a:pt x="932" y="286155"/>
                  </a:cubicBezTo>
                  <a:cubicBezTo>
                    <a:pt x="-5703" y="305713"/>
                    <a:pt x="25031" y="313921"/>
                    <a:pt x="31666" y="294712"/>
                  </a:cubicBezTo>
                  <a:cubicBezTo>
                    <a:pt x="62575" y="203907"/>
                    <a:pt x="88594" y="111705"/>
                    <a:pt x="115661" y="19677"/>
                  </a:cubicBezTo>
                  <a:cubicBezTo>
                    <a:pt x="121598" y="-55"/>
                    <a:pt x="90864" y="-8437"/>
                    <a:pt x="84927" y="11121"/>
                  </a:cubicBezTo>
                  <a:lnTo>
                    <a:pt x="84927" y="11121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7" name="Google Shape;1047;p20"/>
            <p:cNvSpPr/>
            <p:nvPr/>
          </p:nvSpPr>
          <p:spPr>
            <a:xfrm>
              <a:off x="619494" y="4652988"/>
              <a:ext cx="142468" cy="501041"/>
            </a:xfrm>
            <a:custGeom>
              <a:avLst/>
              <a:gdLst/>
              <a:ahLst/>
              <a:cxnLst/>
              <a:rect l="l" t="t" r="r" b="b"/>
              <a:pathLst>
                <a:path w="142468" h="501041" extrusionOk="0">
                  <a:moveTo>
                    <a:pt x="111136" y="11372"/>
                  </a:moveTo>
                  <a:cubicBezTo>
                    <a:pt x="70448" y="167137"/>
                    <a:pt x="35348" y="324125"/>
                    <a:pt x="423" y="481113"/>
                  </a:cubicBezTo>
                  <a:cubicBezTo>
                    <a:pt x="-3942" y="501195"/>
                    <a:pt x="26792" y="509577"/>
                    <a:pt x="31157" y="489670"/>
                  </a:cubicBezTo>
                  <a:cubicBezTo>
                    <a:pt x="66082" y="332682"/>
                    <a:pt x="101182" y="175519"/>
                    <a:pt x="141870" y="19928"/>
                  </a:cubicBezTo>
                  <a:cubicBezTo>
                    <a:pt x="147108" y="-154"/>
                    <a:pt x="116374" y="-8535"/>
                    <a:pt x="111136" y="11372"/>
                  </a:cubicBezTo>
                  <a:lnTo>
                    <a:pt x="111136" y="11372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8" name="Google Shape;1048;p20"/>
            <p:cNvSpPr/>
            <p:nvPr/>
          </p:nvSpPr>
          <p:spPr>
            <a:xfrm>
              <a:off x="474473" y="4801818"/>
              <a:ext cx="123305" cy="363637"/>
            </a:xfrm>
            <a:custGeom>
              <a:avLst/>
              <a:gdLst/>
              <a:ahLst/>
              <a:cxnLst/>
              <a:rect l="l" t="t" r="r" b="b"/>
              <a:pathLst>
                <a:path w="123305" h="363637" extrusionOk="0">
                  <a:moveTo>
                    <a:pt x="92010" y="11322"/>
                  </a:moveTo>
                  <a:cubicBezTo>
                    <a:pt x="63371" y="122558"/>
                    <a:pt x="22334" y="230826"/>
                    <a:pt x="332" y="343633"/>
                  </a:cubicBezTo>
                  <a:cubicBezTo>
                    <a:pt x="-3510" y="363715"/>
                    <a:pt x="27224" y="372272"/>
                    <a:pt x="31066" y="352190"/>
                  </a:cubicBezTo>
                  <a:cubicBezTo>
                    <a:pt x="53068" y="239382"/>
                    <a:pt x="94105" y="131115"/>
                    <a:pt x="122744" y="19879"/>
                  </a:cubicBezTo>
                  <a:cubicBezTo>
                    <a:pt x="127808" y="-29"/>
                    <a:pt x="97074" y="-8585"/>
                    <a:pt x="92010" y="11322"/>
                  </a:cubicBezTo>
                  <a:lnTo>
                    <a:pt x="92010" y="11322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49" name="Google Shape;1049;p20"/>
            <p:cNvSpPr/>
            <p:nvPr/>
          </p:nvSpPr>
          <p:spPr>
            <a:xfrm>
              <a:off x="481952" y="5214157"/>
              <a:ext cx="77238" cy="260559"/>
            </a:xfrm>
            <a:custGeom>
              <a:avLst/>
              <a:gdLst/>
              <a:ahLst/>
              <a:cxnLst/>
              <a:rect l="l" t="t" r="r" b="b"/>
              <a:pathLst>
                <a:path w="77238" h="260559" extrusionOk="0">
                  <a:moveTo>
                    <a:pt x="46287" y="11447"/>
                  </a:moveTo>
                  <a:cubicBezTo>
                    <a:pt x="31095" y="87758"/>
                    <a:pt x="15728" y="164244"/>
                    <a:pt x="361" y="240555"/>
                  </a:cubicBezTo>
                  <a:cubicBezTo>
                    <a:pt x="-3655" y="260637"/>
                    <a:pt x="27079" y="269194"/>
                    <a:pt x="31095" y="249112"/>
                  </a:cubicBezTo>
                  <a:cubicBezTo>
                    <a:pt x="46287" y="172801"/>
                    <a:pt x="61654" y="96315"/>
                    <a:pt x="76847" y="20004"/>
                  </a:cubicBezTo>
                  <a:cubicBezTo>
                    <a:pt x="81038" y="-78"/>
                    <a:pt x="50304" y="-8635"/>
                    <a:pt x="46287" y="11447"/>
                  </a:cubicBezTo>
                  <a:lnTo>
                    <a:pt x="46287" y="11447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50" name="Google Shape;1050;p20"/>
            <p:cNvSpPr/>
            <p:nvPr/>
          </p:nvSpPr>
          <p:spPr>
            <a:xfrm>
              <a:off x="290917" y="5412869"/>
              <a:ext cx="138799" cy="802531"/>
            </a:xfrm>
            <a:custGeom>
              <a:avLst/>
              <a:gdLst/>
              <a:ahLst/>
              <a:cxnLst/>
              <a:rect l="l" t="t" r="r" b="b"/>
              <a:pathLst>
                <a:path w="138799" h="802531" extrusionOk="0">
                  <a:moveTo>
                    <a:pt x="107575" y="11458"/>
                  </a:moveTo>
                  <a:cubicBezTo>
                    <a:pt x="47504" y="268157"/>
                    <a:pt x="7166" y="523285"/>
                    <a:pt x="6" y="787143"/>
                  </a:cubicBezTo>
                  <a:cubicBezTo>
                    <a:pt x="-517" y="807749"/>
                    <a:pt x="31264" y="807574"/>
                    <a:pt x="31963" y="787143"/>
                  </a:cubicBezTo>
                  <a:cubicBezTo>
                    <a:pt x="39122" y="526253"/>
                    <a:pt x="78937" y="273571"/>
                    <a:pt x="138309" y="19840"/>
                  </a:cubicBezTo>
                  <a:cubicBezTo>
                    <a:pt x="143024" y="-67"/>
                    <a:pt x="112290" y="-8624"/>
                    <a:pt x="107575" y="11458"/>
                  </a:cubicBezTo>
                  <a:lnTo>
                    <a:pt x="107575" y="11458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51" name="Google Shape;1051;p20"/>
            <p:cNvSpPr/>
            <p:nvPr/>
          </p:nvSpPr>
          <p:spPr>
            <a:xfrm>
              <a:off x="462671" y="5550865"/>
              <a:ext cx="85627" cy="515449"/>
            </a:xfrm>
            <a:custGeom>
              <a:avLst/>
              <a:gdLst/>
              <a:ahLst/>
              <a:cxnLst/>
              <a:rect l="l" t="t" r="r" b="b"/>
              <a:pathLst>
                <a:path w="85627" h="515449" extrusionOk="0">
                  <a:moveTo>
                    <a:pt x="53519" y="15258"/>
                  </a:moveTo>
                  <a:cubicBezTo>
                    <a:pt x="33088" y="176611"/>
                    <a:pt x="15800" y="338314"/>
                    <a:pt x="84" y="500192"/>
                  </a:cubicBezTo>
                  <a:cubicBezTo>
                    <a:pt x="-1837" y="520623"/>
                    <a:pt x="29945" y="520448"/>
                    <a:pt x="32040" y="500192"/>
                  </a:cubicBezTo>
                  <a:cubicBezTo>
                    <a:pt x="47931" y="338314"/>
                    <a:pt x="65044" y="176611"/>
                    <a:pt x="85475" y="15258"/>
                  </a:cubicBezTo>
                  <a:cubicBezTo>
                    <a:pt x="88095" y="-5173"/>
                    <a:pt x="56138" y="-4999"/>
                    <a:pt x="53519" y="15258"/>
                  </a:cubicBezTo>
                  <a:lnTo>
                    <a:pt x="53519" y="15258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52" name="Google Shape;1052;p20"/>
            <p:cNvSpPr/>
            <p:nvPr/>
          </p:nvSpPr>
          <p:spPr>
            <a:xfrm>
              <a:off x="405478" y="6207434"/>
              <a:ext cx="31956" cy="229457"/>
            </a:xfrm>
            <a:custGeom>
              <a:avLst/>
              <a:gdLst/>
              <a:ahLst/>
              <a:cxnLst/>
              <a:rect l="l" t="t" r="r" b="b"/>
              <a:pathLst>
                <a:path w="31956" h="229457" extrusionOk="0">
                  <a:moveTo>
                    <a:pt x="0" y="15454"/>
                  </a:moveTo>
                  <a:cubicBezTo>
                    <a:pt x="0" y="81637"/>
                    <a:pt x="0" y="147820"/>
                    <a:pt x="0" y="214003"/>
                  </a:cubicBezTo>
                  <a:cubicBezTo>
                    <a:pt x="0" y="234609"/>
                    <a:pt x="31956" y="234609"/>
                    <a:pt x="31956" y="214003"/>
                  </a:cubicBezTo>
                  <a:cubicBezTo>
                    <a:pt x="31956" y="147820"/>
                    <a:pt x="31956" y="81637"/>
                    <a:pt x="31956" y="15454"/>
                  </a:cubicBezTo>
                  <a:cubicBezTo>
                    <a:pt x="31956" y="-5151"/>
                    <a:pt x="0" y="-5151"/>
                    <a:pt x="0" y="15454"/>
                  </a:cubicBezTo>
                  <a:lnTo>
                    <a:pt x="0" y="15454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53" name="Google Shape;1053;p20"/>
            <p:cNvSpPr/>
            <p:nvPr/>
          </p:nvSpPr>
          <p:spPr>
            <a:xfrm>
              <a:off x="1070201" y="3312141"/>
              <a:ext cx="77507" cy="245291"/>
            </a:xfrm>
            <a:custGeom>
              <a:avLst/>
              <a:gdLst/>
              <a:ahLst/>
              <a:cxnLst/>
              <a:rect l="l" t="t" r="r" b="b"/>
              <a:pathLst>
                <a:path w="77507" h="245291" extrusionOk="0">
                  <a:moveTo>
                    <a:pt x="46175" y="11447"/>
                  </a:moveTo>
                  <a:cubicBezTo>
                    <a:pt x="30459" y="82694"/>
                    <a:pt x="16140" y="154116"/>
                    <a:pt x="423" y="225363"/>
                  </a:cubicBezTo>
                  <a:cubicBezTo>
                    <a:pt x="-3942" y="245445"/>
                    <a:pt x="26792" y="253827"/>
                    <a:pt x="31157" y="233920"/>
                  </a:cubicBezTo>
                  <a:cubicBezTo>
                    <a:pt x="46874" y="162673"/>
                    <a:pt x="61368" y="91251"/>
                    <a:pt x="77084" y="20004"/>
                  </a:cubicBezTo>
                  <a:cubicBezTo>
                    <a:pt x="81449" y="-78"/>
                    <a:pt x="50715" y="-8635"/>
                    <a:pt x="46175" y="11447"/>
                  </a:cubicBezTo>
                  <a:lnTo>
                    <a:pt x="46175" y="11447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054" name="Google Shape;1054;p20"/>
            <p:cNvSpPr/>
            <p:nvPr/>
          </p:nvSpPr>
          <p:spPr>
            <a:xfrm>
              <a:off x="1206938" y="3624927"/>
              <a:ext cx="169799" cy="138393"/>
            </a:xfrm>
            <a:custGeom>
              <a:avLst/>
              <a:gdLst/>
              <a:ahLst/>
              <a:cxnLst/>
              <a:rect l="l" t="t" r="r" b="b"/>
              <a:pathLst>
                <a:path w="169799" h="138393" extrusionOk="0">
                  <a:moveTo>
                    <a:pt x="27834" y="134350"/>
                  </a:moveTo>
                  <a:cubicBezTo>
                    <a:pt x="71490" y="97679"/>
                    <a:pt x="112702" y="58912"/>
                    <a:pt x="162121" y="29925"/>
                  </a:cubicBezTo>
                  <a:cubicBezTo>
                    <a:pt x="179758" y="19447"/>
                    <a:pt x="163867" y="-8144"/>
                    <a:pt x="146055" y="2334"/>
                  </a:cubicBezTo>
                  <a:cubicBezTo>
                    <a:pt x="94366" y="32719"/>
                    <a:pt x="51059" y="73406"/>
                    <a:pt x="5307" y="111824"/>
                  </a:cubicBezTo>
                  <a:cubicBezTo>
                    <a:pt x="-10409" y="125095"/>
                    <a:pt x="12293" y="147622"/>
                    <a:pt x="27834" y="134350"/>
                  </a:cubicBezTo>
                  <a:lnTo>
                    <a:pt x="27834" y="134350"/>
                  </a:lnTo>
                  <a:close/>
                </a:path>
              </a:pathLst>
            </a:custGeom>
            <a:solidFill>
              <a:srgbClr val="BC8662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055" name="Google Shape;1055;p20"/>
          <p:cNvPicPr preferRelativeResize="0"/>
          <p:nvPr/>
        </p:nvPicPr>
        <p:blipFill rotWithShape="1">
          <a:blip r:embed="rId3">
            <a:alphaModFix/>
          </a:blip>
          <a:srcRect/>
          <a:stretch/>
        </p:blipFill>
        <p:spPr>
          <a:xfrm>
            <a:off x="-6004" y="4038600"/>
            <a:ext cx="12192001" cy="2819400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1056" name="Google Shape;1056;p20"/>
          <p:cNvGrpSpPr/>
          <p:nvPr/>
        </p:nvGrpSpPr>
        <p:grpSpPr>
          <a:xfrm>
            <a:off x="9886271" y="3235362"/>
            <a:ext cx="2435262" cy="3699373"/>
            <a:chOff x="9471854" y="2605828"/>
            <a:chExt cx="2849679" cy="4328908"/>
          </a:xfrm>
        </p:grpSpPr>
        <p:grpSp>
          <p:nvGrpSpPr>
            <p:cNvPr id="1057" name="Google Shape;1057;p20"/>
            <p:cNvGrpSpPr/>
            <p:nvPr/>
          </p:nvGrpSpPr>
          <p:grpSpPr>
            <a:xfrm>
              <a:off x="10445531" y="3270549"/>
              <a:ext cx="1876002" cy="3664187"/>
              <a:chOff x="10445531" y="3270549"/>
              <a:chExt cx="1876002" cy="3664187"/>
            </a:xfrm>
          </p:grpSpPr>
          <p:sp>
            <p:nvSpPr>
              <p:cNvPr id="1058" name="Google Shape;1058;p20"/>
              <p:cNvSpPr/>
              <p:nvPr/>
            </p:nvSpPr>
            <p:spPr>
              <a:xfrm>
                <a:off x="10445531" y="3270549"/>
                <a:ext cx="1876002" cy="3650892"/>
              </a:xfrm>
              <a:custGeom>
                <a:avLst/>
                <a:gdLst/>
                <a:ahLst/>
                <a:cxnLst/>
                <a:rect l="l" t="t" r="r" b="b"/>
                <a:pathLst>
                  <a:path w="1876002" h="3650892" extrusionOk="0">
                    <a:moveTo>
                      <a:pt x="1562850" y="3650892"/>
                    </a:moveTo>
                    <a:cubicBezTo>
                      <a:pt x="514885" y="3556451"/>
                      <a:pt x="37088" y="2504345"/>
                      <a:pt x="6436" y="1834145"/>
                    </a:cubicBezTo>
                    <a:cubicBezTo>
                      <a:pt x="-2884" y="1525761"/>
                      <a:pt x="-10547" y="51363"/>
                      <a:pt x="47444" y="9941"/>
                    </a:cubicBezTo>
                    <a:cubicBezTo>
                      <a:pt x="49100" y="0"/>
                      <a:pt x="49100" y="0"/>
                      <a:pt x="49100" y="0"/>
                    </a:cubicBezTo>
                    <a:cubicBezTo>
                      <a:pt x="680572" y="259713"/>
                      <a:pt x="1247011" y="846034"/>
                      <a:pt x="1624361" y="1400462"/>
                    </a:cubicBezTo>
                    <a:cubicBezTo>
                      <a:pt x="2023043" y="2009772"/>
                      <a:pt x="1876204" y="2701097"/>
                      <a:pt x="1674481" y="3352658"/>
                    </a:cubicBezTo>
                    <a:cubicBezTo>
                      <a:pt x="1647764" y="3450412"/>
                      <a:pt x="1612763" y="3536569"/>
                      <a:pt x="1562850" y="3650892"/>
                    </a:cubicBezTo>
                  </a:path>
                </a:pathLst>
              </a:custGeom>
              <a:solidFill>
                <a:srgbClr val="459B97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59" name="Google Shape;1059;p20"/>
              <p:cNvSpPr/>
              <p:nvPr/>
            </p:nvSpPr>
            <p:spPr>
              <a:xfrm>
                <a:off x="10625392" y="3521682"/>
                <a:ext cx="1371735" cy="3413054"/>
              </a:xfrm>
              <a:custGeom>
                <a:avLst/>
                <a:gdLst/>
                <a:ahLst/>
                <a:cxnLst/>
                <a:rect l="l" t="t" r="r" b="b"/>
                <a:pathLst>
                  <a:path w="1371735" h="3413054" extrusionOk="0">
                    <a:moveTo>
                      <a:pt x="1788" y="28876"/>
                    </a:moveTo>
                    <a:cubicBezTo>
                      <a:pt x="119011" y="296666"/>
                      <a:pt x="297330" y="530284"/>
                      <a:pt x="431743" y="788961"/>
                    </a:cubicBezTo>
                    <a:cubicBezTo>
                      <a:pt x="580861" y="1075805"/>
                      <a:pt x="669296" y="1395786"/>
                      <a:pt x="772228" y="1701063"/>
                    </a:cubicBezTo>
                    <a:cubicBezTo>
                      <a:pt x="870190" y="1992049"/>
                      <a:pt x="966288" y="2281999"/>
                      <a:pt x="1052652" y="2576713"/>
                    </a:cubicBezTo>
                    <a:cubicBezTo>
                      <a:pt x="1134666" y="2856723"/>
                      <a:pt x="1219995" y="3136318"/>
                      <a:pt x="1337011" y="3404108"/>
                    </a:cubicBezTo>
                    <a:cubicBezTo>
                      <a:pt x="1347987" y="3397688"/>
                      <a:pt x="1358757" y="3391475"/>
                      <a:pt x="1369734" y="3385055"/>
                    </a:cubicBezTo>
                    <a:cubicBezTo>
                      <a:pt x="1367041" y="3381120"/>
                      <a:pt x="1364142" y="3377391"/>
                      <a:pt x="1361449" y="3373456"/>
                    </a:cubicBezTo>
                    <a:cubicBezTo>
                      <a:pt x="1347366" y="3353781"/>
                      <a:pt x="1314643" y="3372628"/>
                      <a:pt x="1328726" y="3392510"/>
                    </a:cubicBezTo>
                    <a:cubicBezTo>
                      <a:pt x="1331419" y="3396445"/>
                      <a:pt x="1334318" y="3400173"/>
                      <a:pt x="1337011" y="3404108"/>
                    </a:cubicBezTo>
                    <a:cubicBezTo>
                      <a:pt x="1351301" y="3424198"/>
                      <a:pt x="1379468" y="3407215"/>
                      <a:pt x="1369734" y="3385055"/>
                    </a:cubicBezTo>
                    <a:cubicBezTo>
                      <a:pt x="1246505" y="3103388"/>
                      <a:pt x="1159726" y="2808053"/>
                      <a:pt x="1073570" y="2513546"/>
                    </a:cubicBezTo>
                    <a:cubicBezTo>
                      <a:pt x="986999" y="2217796"/>
                      <a:pt x="888208" y="1927638"/>
                      <a:pt x="790247" y="1635617"/>
                    </a:cubicBezTo>
                    <a:cubicBezTo>
                      <a:pt x="692492" y="1344216"/>
                      <a:pt x="603435" y="1044946"/>
                      <a:pt x="464673" y="769907"/>
                    </a:cubicBezTo>
                    <a:cubicBezTo>
                      <a:pt x="333160" y="509573"/>
                      <a:pt x="152148" y="277819"/>
                      <a:pt x="34718" y="9822"/>
                    </a:cubicBezTo>
                    <a:cubicBezTo>
                      <a:pt x="24777" y="-12338"/>
                      <a:pt x="-7946" y="6923"/>
                      <a:pt x="1788" y="28876"/>
                    </a:cubicBezTo>
                    <a:lnTo>
                      <a:pt x="1788" y="28876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0" name="Google Shape;1060;p20"/>
              <p:cNvSpPr/>
              <p:nvPr/>
            </p:nvSpPr>
            <p:spPr>
              <a:xfrm>
                <a:off x="10568388" y="3758960"/>
                <a:ext cx="463768" cy="390574"/>
              </a:xfrm>
              <a:custGeom>
                <a:avLst/>
                <a:gdLst/>
                <a:ahLst/>
                <a:cxnLst/>
                <a:rect l="l" t="t" r="r" b="b"/>
                <a:pathLst>
                  <a:path w="463768" h="390574" extrusionOk="0">
                    <a:moveTo>
                      <a:pt x="8672" y="198150"/>
                    </a:moveTo>
                    <a:cubicBezTo>
                      <a:pt x="132936" y="280786"/>
                      <a:pt x="269834" y="342090"/>
                      <a:pt x="410874" y="389725"/>
                    </a:cubicBezTo>
                    <a:cubicBezTo>
                      <a:pt x="422680" y="393660"/>
                      <a:pt x="434692" y="383304"/>
                      <a:pt x="434899" y="371499"/>
                    </a:cubicBezTo>
                    <a:cubicBezTo>
                      <a:pt x="435106" y="253034"/>
                      <a:pt x="453746" y="136018"/>
                      <a:pt x="463687" y="18174"/>
                    </a:cubicBezTo>
                    <a:cubicBezTo>
                      <a:pt x="465758" y="-6058"/>
                      <a:pt x="427857" y="-6058"/>
                      <a:pt x="425786" y="18174"/>
                    </a:cubicBezTo>
                    <a:cubicBezTo>
                      <a:pt x="415845" y="136018"/>
                      <a:pt x="397205" y="253034"/>
                      <a:pt x="396998" y="371499"/>
                    </a:cubicBezTo>
                    <a:cubicBezTo>
                      <a:pt x="404868" y="365493"/>
                      <a:pt x="412946" y="359280"/>
                      <a:pt x="421023" y="353274"/>
                    </a:cubicBezTo>
                    <a:cubicBezTo>
                      <a:pt x="282882" y="306675"/>
                      <a:pt x="149505" y="246406"/>
                      <a:pt x="27725" y="165634"/>
                    </a:cubicBezTo>
                    <a:cubicBezTo>
                      <a:pt x="7429" y="151965"/>
                      <a:pt x="-11625" y="184688"/>
                      <a:pt x="8672" y="198150"/>
                    </a:cubicBezTo>
                    <a:lnTo>
                      <a:pt x="8672" y="198150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1" name="Google Shape;1061;p20"/>
              <p:cNvSpPr/>
              <p:nvPr/>
            </p:nvSpPr>
            <p:spPr>
              <a:xfrm>
                <a:off x="10574138" y="4118909"/>
                <a:ext cx="713804" cy="433172"/>
              </a:xfrm>
              <a:custGeom>
                <a:avLst/>
                <a:gdLst/>
                <a:ahLst/>
                <a:cxnLst/>
                <a:rect l="l" t="t" r="r" b="b"/>
                <a:pathLst>
                  <a:path w="713804" h="433172" extrusionOk="0">
                    <a:moveTo>
                      <a:pt x="8928" y="166467"/>
                    </a:moveTo>
                    <a:cubicBezTo>
                      <a:pt x="195947" y="282033"/>
                      <a:pt x="408232" y="344579"/>
                      <a:pt x="608919" y="431150"/>
                    </a:cubicBezTo>
                    <a:cubicBezTo>
                      <a:pt x="619689" y="435706"/>
                      <a:pt x="633565" y="432807"/>
                      <a:pt x="636672" y="419966"/>
                    </a:cubicBezTo>
                    <a:cubicBezTo>
                      <a:pt x="668359" y="289074"/>
                      <a:pt x="691141" y="156525"/>
                      <a:pt x="713508" y="23769"/>
                    </a:cubicBezTo>
                    <a:cubicBezTo>
                      <a:pt x="717443" y="-48"/>
                      <a:pt x="680993" y="-10403"/>
                      <a:pt x="677058" y="13828"/>
                    </a:cubicBezTo>
                    <a:cubicBezTo>
                      <a:pt x="654690" y="146584"/>
                      <a:pt x="631908" y="279133"/>
                      <a:pt x="600221" y="410025"/>
                    </a:cubicBezTo>
                    <a:cubicBezTo>
                      <a:pt x="609540" y="406297"/>
                      <a:pt x="618860" y="402569"/>
                      <a:pt x="627973" y="398634"/>
                    </a:cubicBezTo>
                    <a:cubicBezTo>
                      <a:pt x="427493" y="312063"/>
                      <a:pt x="215000" y="249310"/>
                      <a:pt x="28189" y="133951"/>
                    </a:cubicBezTo>
                    <a:cubicBezTo>
                      <a:pt x="7272" y="120903"/>
                      <a:pt x="-11782" y="153626"/>
                      <a:pt x="8928" y="166467"/>
                    </a:cubicBezTo>
                    <a:lnTo>
                      <a:pt x="8928" y="166467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2" name="Google Shape;1062;p20"/>
              <p:cNvSpPr/>
              <p:nvPr/>
            </p:nvSpPr>
            <p:spPr>
              <a:xfrm>
                <a:off x="10548869" y="4399170"/>
                <a:ext cx="1008997" cy="611440"/>
              </a:xfrm>
              <a:custGeom>
                <a:avLst/>
                <a:gdLst/>
                <a:ahLst/>
                <a:cxnLst/>
                <a:rect l="l" t="t" r="r" b="b"/>
                <a:pathLst>
                  <a:path w="1008997" h="611440" extrusionOk="0">
                    <a:moveTo>
                      <a:pt x="13279" y="282817"/>
                    </a:moveTo>
                    <a:cubicBezTo>
                      <a:pt x="289561" y="363381"/>
                      <a:pt x="530841" y="530103"/>
                      <a:pt x="807123" y="610668"/>
                    </a:cubicBezTo>
                    <a:cubicBezTo>
                      <a:pt x="817478" y="613774"/>
                      <a:pt x="827212" y="607147"/>
                      <a:pt x="830319" y="597413"/>
                    </a:cubicBezTo>
                    <a:cubicBezTo>
                      <a:pt x="894729" y="407495"/>
                      <a:pt x="973016" y="222134"/>
                      <a:pt x="1008638" y="23725"/>
                    </a:cubicBezTo>
                    <a:cubicBezTo>
                      <a:pt x="1012988" y="-92"/>
                      <a:pt x="976537" y="-10241"/>
                      <a:pt x="972187" y="13577"/>
                    </a:cubicBezTo>
                    <a:cubicBezTo>
                      <a:pt x="936565" y="211986"/>
                      <a:pt x="858278" y="397347"/>
                      <a:pt x="793868" y="587265"/>
                    </a:cubicBezTo>
                    <a:cubicBezTo>
                      <a:pt x="801531" y="582915"/>
                      <a:pt x="809401" y="578359"/>
                      <a:pt x="817064" y="574010"/>
                    </a:cubicBezTo>
                    <a:cubicBezTo>
                      <a:pt x="540989" y="493652"/>
                      <a:pt x="299709" y="327138"/>
                      <a:pt x="23427" y="246366"/>
                    </a:cubicBezTo>
                    <a:cubicBezTo>
                      <a:pt x="24" y="239531"/>
                      <a:pt x="-10124" y="275982"/>
                      <a:pt x="13279" y="282817"/>
                    </a:cubicBezTo>
                    <a:lnTo>
                      <a:pt x="13279" y="282817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3" name="Google Shape;1063;p20"/>
              <p:cNvSpPr/>
              <p:nvPr/>
            </p:nvSpPr>
            <p:spPr>
              <a:xfrm>
                <a:off x="10645958" y="4782571"/>
                <a:ext cx="1185080" cy="627779"/>
              </a:xfrm>
              <a:custGeom>
                <a:avLst/>
                <a:gdLst/>
                <a:ahLst/>
                <a:cxnLst/>
                <a:rect l="l" t="t" r="r" b="b"/>
                <a:pathLst>
                  <a:path w="1185080" h="627779" extrusionOk="0">
                    <a:moveTo>
                      <a:pt x="8975" y="292506"/>
                    </a:moveTo>
                    <a:cubicBezTo>
                      <a:pt x="144630" y="375349"/>
                      <a:pt x="294369" y="424641"/>
                      <a:pt x="438309" y="490294"/>
                    </a:cubicBezTo>
                    <a:cubicBezTo>
                      <a:pt x="548904" y="540621"/>
                      <a:pt x="657221" y="612280"/>
                      <a:pt x="780243" y="626778"/>
                    </a:cubicBezTo>
                    <a:cubicBezTo>
                      <a:pt x="881519" y="638790"/>
                      <a:pt x="934745" y="540414"/>
                      <a:pt x="968297" y="462334"/>
                    </a:cubicBezTo>
                    <a:cubicBezTo>
                      <a:pt x="1032500" y="313010"/>
                      <a:pt x="1109959" y="173626"/>
                      <a:pt x="1182860" y="28651"/>
                    </a:cubicBezTo>
                    <a:cubicBezTo>
                      <a:pt x="1193837" y="6905"/>
                      <a:pt x="1161114" y="-12149"/>
                      <a:pt x="1150137" y="9597"/>
                    </a:cubicBezTo>
                    <a:cubicBezTo>
                      <a:pt x="1089041" y="131169"/>
                      <a:pt x="1016346" y="246942"/>
                      <a:pt x="964155" y="372657"/>
                    </a:cubicBezTo>
                    <a:cubicBezTo>
                      <a:pt x="917348" y="485323"/>
                      <a:pt x="879862" y="617872"/>
                      <a:pt x="729916" y="579143"/>
                    </a:cubicBezTo>
                    <a:cubicBezTo>
                      <a:pt x="619735" y="550562"/>
                      <a:pt x="523637" y="482631"/>
                      <a:pt x="418633" y="440588"/>
                    </a:cubicBezTo>
                    <a:cubicBezTo>
                      <a:pt x="285670" y="387361"/>
                      <a:pt x="150636" y="334549"/>
                      <a:pt x="28028" y="259783"/>
                    </a:cubicBezTo>
                    <a:cubicBezTo>
                      <a:pt x="7111" y="246942"/>
                      <a:pt x="-11736" y="279665"/>
                      <a:pt x="8975" y="292506"/>
                    </a:cubicBezTo>
                    <a:lnTo>
                      <a:pt x="8975" y="292506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4" name="Google Shape;1064;p20"/>
              <p:cNvSpPr/>
              <p:nvPr/>
            </p:nvSpPr>
            <p:spPr>
              <a:xfrm>
                <a:off x="10705272" y="5222868"/>
                <a:ext cx="1308052" cy="693850"/>
              </a:xfrm>
              <a:custGeom>
                <a:avLst/>
                <a:gdLst/>
                <a:ahLst/>
                <a:cxnLst/>
                <a:rect l="l" t="t" r="r" b="b"/>
                <a:pathLst>
                  <a:path w="1308052" h="693850" extrusionOk="0">
                    <a:moveTo>
                      <a:pt x="6408" y="340154"/>
                    </a:moveTo>
                    <a:cubicBezTo>
                      <a:pt x="116175" y="430039"/>
                      <a:pt x="257422" y="458205"/>
                      <a:pt x="390385" y="497556"/>
                    </a:cubicBezTo>
                    <a:cubicBezTo>
                      <a:pt x="573468" y="551818"/>
                      <a:pt x="745782" y="636525"/>
                      <a:pt x="928037" y="693065"/>
                    </a:cubicBezTo>
                    <a:cubicBezTo>
                      <a:pt x="936528" y="695758"/>
                      <a:pt x="944605" y="691201"/>
                      <a:pt x="949369" y="684367"/>
                    </a:cubicBezTo>
                    <a:cubicBezTo>
                      <a:pt x="1090409" y="481401"/>
                      <a:pt x="1239112" y="263938"/>
                      <a:pt x="1307251" y="23486"/>
                    </a:cubicBezTo>
                    <a:cubicBezTo>
                      <a:pt x="1313878" y="-124"/>
                      <a:pt x="1277427" y="-10065"/>
                      <a:pt x="1270800" y="13338"/>
                    </a:cubicBezTo>
                    <a:cubicBezTo>
                      <a:pt x="1233935" y="143609"/>
                      <a:pt x="1169317" y="264145"/>
                      <a:pt x="1101178" y="380540"/>
                    </a:cubicBezTo>
                    <a:cubicBezTo>
                      <a:pt x="1065349" y="441844"/>
                      <a:pt x="1026827" y="501698"/>
                      <a:pt x="987684" y="561138"/>
                    </a:cubicBezTo>
                    <a:cubicBezTo>
                      <a:pt x="971943" y="585162"/>
                      <a:pt x="955789" y="608773"/>
                      <a:pt x="939427" y="632383"/>
                    </a:cubicBezTo>
                    <a:cubicBezTo>
                      <a:pt x="915817" y="666763"/>
                      <a:pt x="867768" y="633418"/>
                      <a:pt x="834838" y="621406"/>
                    </a:cubicBezTo>
                    <a:cubicBezTo>
                      <a:pt x="695869" y="570872"/>
                      <a:pt x="560628" y="512882"/>
                      <a:pt x="420002" y="466904"/>
                    </a:cubicBezTo>
                    <a:cubicBezTo>
                      <a:pt x="288488" y="423825"/>
                      <a:pt x="143099" y="403529"/>
                      <a:pt x="33125" y="313230"/>
                    </a:cubicBezTo>
                    <a:cubicBezTo>
                      <a:pt x="14485" y="298111"/>
                      <a:pt x="-12439" y="324621"/>
                      <a:pt x="6408" y="340154"/>
                    </a:cubicBezTo>
                    <a:lnTo>
                      <a:pt x="6408" y="340154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5" name="Google Shape;1065;p20"/>
              <p:cNvSpPr/>
              <p:nvPr/>
            </p:nvSpPr>
            <p:spPr>
              <a:xfrm>
                <a:off x="10850062" y="5765432"/>
                <a:ext cx="1225541" cy="680327"/>
              </a:xfrm>
              <a:custGeom>
                <a:avLst/>
                <a:gdLst/>
                <a:ahLst/>
                <a:cxnLst/>
                <a:rect l="l" t="t" r="r" b="b"/>
                <a:pathLst>
                  <a:path w="1225541" h="680327" extrusionOk="0">
                    <a:moveTo>
                      <a:pt x="13428" y="348289"/>
                    </a:moveTo>
                    <a:cubicBezTo>
                      <a:pt x="336516" y="426162"/>
                      <a:pt x="632887" y="582735"/>
                      <a:pt x="949968" y="679662"/>
                    </a:cubicBezTo>
                    <a:cubicBezTo>
                      <a:pt x="957838" y="681940"/>
                      <a:pt x="967572" y="678212"/>
                      <a:pt x="971300" y="670963"/>
                    </a:cubicBezTo>
                    <a:cubicBezTo>
                      <a:pt x="1078996" y="464891"/>
                      <a:pt x="1155212" y="244736"/>
                      <a:pt x="1224593" y="23338"/>
                    </a:cubicBezTo>
                    <a:cubicBezTo>
                      <a:pt x="1231842" y="-65"/>
                      <a:pt x="1195391" y="-10007"/>
                      <a:pt x="1188142" y="13189"/>
                    </a:cubicBezTo>
                    <a:cubicBezTo>
                      <a:pt x="1148170" y="140561"/>
                      <a:pt x="1105920" y="266896"/>
                      <a:pt x="1057250" y="391368"/>
                    </a:cubicBezTo>
                    <a:cubicBezTo>
                      <a:pt x="1031983" y="455985"/>
                      <a:pt x="1003816" y="519568"/>
                      <a:pt x="973993" y="582321"/>
                    </a:cubicBezTo>
                    <a:cubicBezTo>
                      <a:pt x="955560" y="620843"/>
                      <a:pt x="953489" y="641347"/>
                      <a:pt x="908133" y="627056"/>
                    </a:cubicBezTo>
                    <a:cubicBezTo>
                      <a:pt x="873339" y="615872"/>
                      <a:pt x="838752" y="603653"/>
                      <a:pt x="804372" y="591434"/>
                    </a:cubicBezTo>
                    <a:cubicBezTo>
                      <a:pt x="543830" y="498235"/>
                      <a:pt x="293644" y="376870"/>
                      <a:pt x="23576" y="311839"/>
                    </a:cubicBezTo>
                    <a:cubicBezTo>
                      <a:pt x="-34" y="306040"/>
                      <a:pt x="-10182" y="342697"/>
                      <a:pt x="13428" y="348289"/>
                    </a:cubicBezTo>
                    <a:lnTo>
                      <a:pt x="13428" y="348289"/>
                    </a:lnTo>
                    <a:close/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  <p:grpSp>
          <p:nvGrpSpPr>
            <p:cNvPr id="1066" name="Google Shape;1066;p20"/>
            <p:cNvGrpSpPr/>
            <p:nvPr/>
          </p:nvGrpSpPr>
          <p:grpSpPr>
            <a:xfrm>
              <a:off x="11161825" y="3187825"/>
              <a:ext cx="1068908" cy="1281260"/>
              <a:chOff x="11161825" y="3187825"/>
              <a:chExt cx="1068908" cy="1281260"/>
            </a:xfrm>
          </p:grpSpPr>
          <p:sp>
            <p:nvSpPr>
              <p:cNvPr id="1067" name="Google Shape;1067;p20"/>
              <p:cNvSpPr/>
              <p:nvPr/>
            </p:nvSpPr>
            <p:spPr>
              <a:xfrm>
                <a:off x="11161825" y="3187825"/>
                <a:ext cx="1065500" cy="1267823"/>
              </a:xfrm>
              <a:custGeom>
                <a:avLst/>
                <a:gdLst/>
                <a:ahLst/>
                <a:cxnLst/>
                <a:rect l="l" t="t" r="r" b="b"/>
                <a:pathLst>
                  <a:path w="1065500" h="1267823" extrusionOk="0">
                    <a:moveTo>
                      <a:pt x="996210" y="1267823"/>
                    </a:moveTo>
                    <a:cubicBezTo>
                      <a:pt x="733518" y="1153902"/>
                      <a:pt x="462063" y="1069938"/>
                      <a:pt x="199371" y="961111"/>
                    </a:cubicBezTo>
                    <a:cubicBezTo>
                      <a:pt x="149034" y="938286"/>
                      <a:pt x="2913" y="889172"/>
                      <a:pt x="59" y="814786"/>
                    </a:cubicBezTo>
                    <a:cubicBezTo>
                      <a:pt x="-2998" y="735510"/>
                      <a:pt x="112758" y="775658"/>
                      <a:pt x="163096" y="788701"/>
                    </a:cubicBezTo>
                    <a:cubicBezTo>
                      <a:pt x="293932" y="833332"/>
                      <a:pt x="429456" y="867773"/>
                      <a:pt x="576188" y="936656"/>
                    </a:cubicBezTo>
                    <a:cubicBezTo>
                      <a:pt x="481627" y="806227"/>
                      <a:pt x="16159" y="585924"/>
                      <a:pt x="95232" y="448566"/>
                    </a:cubicBezTo>
                    <a:cubicBezTo>
                      <a:pt x="156574" y="342185"/>
                      <a:pt x="305956" y="505018"/>
                      <a:pt x="362407" y="547407"/>
                    </a:cubicBezTo>
                    <a:cubicBezTo>
                      <a:pt x="464712" y="623015"/>
                      <a:pt x="576392" y="688230"/>
                      <a:pt x="674010" y="768729"/>
                    </a:cubicBezTo>
                    <a:cubicBezTo>
                      <a:pt x="630194" y="661125"/>
                      <a:pt x="510159" y="516838"/>
                      <a:pt x="451466" y="409845"/>
                    </a:cubicBezTo>
                    <a:cubicBezTo>
                      <a:pt x="403574" y="327308"/>
                      <a:pt x="320425" y="231117"/>
                      <a:pt x="346511" y="135741"/>
                    </a:cubicBezTo>
                    <a:cubicBezTo>
                      <a:pt x="384825" y="-29741"/>
                      <a:pt x="532984" y="202993"/>
                      <a:pt x="574966" y="260871"/>
                    </a:cubicBezTo>
                    <a:cubicBezTo>
                      <a:pt x="638346" y="357674"/>
                      <a:pt x="743301" y="502776"/>
                      <a:pt x="808311" y="639319"/>
                    </a:cubicBezTo>
                    <a:cubicBezTo>
                      <a:pt x="823188" y="509501"/>
                      <a:pt x="715788" y="300203"/>
                      <a:pt x="705598" y="166514"/>
                    </a:cubicBezTo>
                    <a:cubicBezTo>
                      <a:pt x="692148" y="-41561"/>
                      <a:pt x="835620" y="-57050"/>
                      <a:pt x="912451" y="133703"/>
                    </a:cubicBezTo>
                    <a:cubicBezTo>
                      <a:pt x="1011087" y="373162"/>
                      <a:pt x="1030652" y="620977"/>
                      <a:pt x="1050827" y="883262"/>
                    </a:cubicBezTo>
                    <a:cubicBezTo>
                      <a:pt x="1060202" y="997183"/>
                      <a:pt x="1061017" y="1146158"/>
                      <a:pt x="1065501" y="1260283"/>
                    </a:cubicBezTo>
                  </a:path>
                </a:pathLst>
              </a:custGeom>
              <a:solidFill>
                <a:srgbClr val="FFDB69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8" name="Google Shape;1068;p20"/>
              <p:cNvSpPr/>
              <p:nvPr/>
            </p:nvSpPr>
            <p:spPr>
              <a:xfrm>
                <a:off x="11581671" y="3386307"/>
                <a:ext cx="649062" cy="1076344"/>
              </a:xfrm>
              <a:custGeom>
                <a:avLst/>
                <a:gdLst/>
                <a:ahLst/>
                <a:cxnLst/>
                <a:rect l="l" t="t" r="r" b="b"/>
                <a:pathLst>
                  <a:path w="649062" h="1076344" extrusionOk="0">
                    <a:moveTo>
                      <a:pt x="2885" y="27541"/>
                    </a:moveTo>
                    <a:cubicBezTo>
                      <a:pt x="123124" y="222573"/>
                      <a:pt x="237249" y="420662"/>
                      <a:pt x="362583" y="612433"/>
                    </a:cubicBezTo>
                    <a:cubicBezTo>
                      <a:pt x="419238" y="699046"/>
                      <a:pt x="473855" y="790957"/>
                      <a:pt x="517264" y="884907"/>
                    </a:cubicBezTo>
                    <a:cubicBezTo>
                      <a:pt x="546406" y="948084"/>
                      <a:pt x="569028" y="1019004"/>
                      <a:pt x="617531" y="1070565"/>
                    </a:cubicBezTo>
                    <a:cubicBezTo>
                      <a:pt x="634038" y="1088091"/>
                      <a:pt x="660328" y="1061801"/>
                      <a:pt x="643821" y="1044275"/>
                    </a:cubicBezTo>
                    <a:cubicBezTo>
                      <a:pt x="594298" y="991696"/>
                      <a:pt x="571473" y="913846"/>
                      <a:pt x="541719" y="849243"/>
                    </a:cubicBezTo>
                    <a:cubicBezTo>
                      <a:pt x="497088" y="752644"/>
                      <a:pt x="437784" y="659306"/>
                      <a:pt x="379702" y="570451"/>
                    </a:cubicBezTo>
                    <a:cubicBezTo>
                      <a:pt x="259463" y="386424"/>
                      <a:pt x="150636" y="195875"/>
                      <a:pt x="35288" y="8791"/>
                    </a:cubicBezTo>
                    <a:cubicBezTo>
                      <a:pt x="22449" y="-11588"/>
                      <a:pt x="-9751" y="7161"/>
                      <a:pt x="2885" y="27541"/>
                    </a:cubicBezTo>
                    <a:lnTo>
                      <a:pt x="2885" y="27541"/>
                    </a:lnTo>
                    <a:close/>
                  </a:path>
                </a:pathLst>
              </a:custGeom>
              <a:solidFill>
                <a:srgbClr val="FFA52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69" name="Google Shape;1069;p20"/>
              <p:cNvSpPr/>
              <p:nvPr/>
            </p:nvSpPr>
            <p:spPr>
              <a:xfrm>
                <a:off x="11345328" y="3703811"/>
                <a:ext cx="879995" cy="764358"/>
              </a:xfrm>
              <a:custGeom>
                <a:avLst/>
                <a:gdLst/>
                <a:ahLst/>
                <a:cxnLst/>
                <a:rect l="l" t="t" r="r" b="b"/>
                <a:pathLst>
                  <a:path w="879995" h="764358" extrusionOk="0">
                    <a:moveTo>
                      <a:pt x="6086" y="31014"/>
                    </a:moveTo>
                    <a:cubicBezTo>
                      <a:pt x="147316" y="152476"/>
                      <a:pt x="294049" y="267009"/>
                      <a:pt x="445469" y="375428"/>
                    </a:cubicBezTo>
                    <a:cubicBezTo>
                      <a:pt x="601576" y="487108"/>
                      <a:pt x="722426" y="615295"/>
                      <a:pt x="848779" y="758359"/>
                    </a:cubicBezTo>
                    <a:cubicBezTo>
                      <a:pt x="864675" y="776293"/>
                      <a:pt x="890965" y="750004"/>
                      <a:pt x="875069" y="732070"/>
                    </a:cubicBezTo>
                    <a:cubicBezTo>
                      <a:pt x="767261" y="609996"/>
                      <a:pt x="663733" y="486904"/>
                      <a:pt x="531266" y="390509"/>
                    </a:cubicBezTo>
                    <a:cubicBezTo>
                      <a:pt x="360894" y="266398"/>
                      <a:pt x="192355" y="142490"/>
                      <a:pt x="32172" y="4928"/>
                    </a:cubicBezTo>
                    <a:cubicBezTo>
                      <a:pt x="14442" y="-10968"/>
                      <a:pt x="-12052" y="15322"/>
                      <a:pt x="6086" y="31014"/>
                    </a:cubicBezTo>
                    <a:lnTo>
                      <a:pt x="6086" y="31014"/>
                    </a:lnTo>
                    <a:close/>
                  </a:path>
                </a:pathLst>
              </a:custGeom>
              <a:solidFill>
                <a:srgbClr val="FFA52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0" name="Google Shape;1070;p20"/>
              <p:cNvSpPr/>
              <p:nvPr/>
            </p:nvSpPr>
            <p:spPr>
              <a:xfrm>
                <a:off x="11239302" y="4015204"/>
                <a:ext cx="970593" cy="453881"/>
              </a:xfrm>
              <a:custGeom>
                <a:avLst/>
                <a:gdLst/>
                <a:ahLst/>
                <a:cxnLst/>
                <a:rect l="l" t="t" r="r" b="b"/>
                <a:pathLst>
                  <a:path w="970593" h="453881" extrusionOk="0">
                    <a:moveTo>
                      <a:pt x="13271" y="36523"/>
                    </a:moveTo>
                    <a:cubicBezTo>
                      <a:pt x="175492" y="76671"/>
                      <a:pt x="323244" y="156762"/>
                      <a:pt x="478332" y="217086"/>
                    </a:cubicBezTo>
                    <a:cubicBezTo>
                      <a:pt x="642591" y="281281"/>
                      <a:pt x="802366" y="342420"/>
                      <a:pt x="944004" y="450227"/>
                    </a:cubicBezTo>
                    <a:cubicBezTo>
                      <a:pt x="963161" y="464697"/>
                      <a:pt x="981502" y="432497"/>
                      <a:pt x="962753" y="418028"/>
                    </a:cubicBezTo>
                    <a:cubicBezTo>
                      <a:pt x="833751" y="319798"/>
                      <a:pt x="687630" y="254992"/>
                      <a:pt x="536414" y="198744"/>
                    </a:cubicBezTo>
                    <a:cubicBezTo>
                      <a:pt x="364818" y="135160"/>
                      <a:pt x="201782" y="44879"/>
                      <a:pt x="23257" y="655"/>
                    </a:cubicBezTo>
                    <a:cubicBezTo>
                      <a:pt x="-179" y="-5255"/>
                      <a:pt x="-9961" y="30613"/>
                      <a:pt x="13271" y="36523"/>
                    </a:cubicBezTo>
                    <a:lnTo>
                      <a:pt x="13271" y="36523"/>
                    </a:lnTo>
                    <a:close/>
                  </a:path>
                </a:pathLst>
              </a:custGeom>
              <a:solidFill>
                <a:srgbClr val="FFA52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1" name="Google Shape;1071;p20"/>
              <p:cNvSpPr/>
              <p:nvPr/>
            </p:nvSpPr>
            <p:spPr>
              <a:xfrm>
                <a:off x="11926029" y="3314013"/>
                <a:ext cx="284246" cy="1128593"/>
              </a:xfrm>
              <a:custGeom>
                <a:avLst/>
                <a:gdLst/>
                <a:ahLst/>
                <a:cxnLst/>
                <a:rect l="l" t="t" r="r" b="b"/>
                <a:pathLst>
                  <a:path w="284246" h="1128593" extrusionOk="0">
                    <a:moveTo>
                      <a:pt x="284178" y="1110659"/>
                    </a:moveTo>
                    <a:cubicBezTo>
                      <a:pt x="285808" y="1027918"/>
                      <a:pt x="258296" y="950680"/>
                      <a:pt x="234452" y="872626"/>
                    </a:cubicBezTo>
                    <a:cubicBezTo>
                      <a:pt x="206124" y="779492"/>
                      <a:pt x="193081" y="680855"/>
                      <a:pt x="173517" y="585479"/>
                    </a:cubicBezTo>
                    <a:cubicBezTo>
                      <a:pt x="153952" y="489899"/>
                      <a:pt x="129905" y="395338"/>
                      <a:pt x="110340" y="299758"/>
                    </a:cubicBezTo>
                    <a:cubicBezTo>
                      <a:pt x="90572" y="202547"/>
                      <a:pt x="72842" y="105337"/>
                      <a:pt x="37178" y="12610"/>
                    </a:cubicBezTo>
                    <a:cubicBezTo>
                      <a:pt x="28618" y="-9603"/>
                      <a:pt x="-7250" y="-25"/>
                      <a:pt x="1310" y="22392"/>
                    </a:cubicBezTo>
                    <a:cubicBezTo>
                      <a:pt x="64079" y="186244"/>
                      <a:pt x="89146" y="369252"/>
                      <a:pt x="126032" y="540440"/>
                    </a:cubicBezTo>
                    <a:cubicBezTo>
                      <a:pt x="147227" y="639077"/>
                      <a:pt x="164142" y="738529"/>
                      <a:pt x="185948" y="836962"/>
                    </a:cubicBezTo>
                    <a:cubicBezTo>
                      <a:pt x="206328" y="929078"/>
                      <a:pt x="248513" y="1014264"/>
                      <a:pt x="246679" y="1110455"/>
                    </a:cubicBezTo>
                    <a:cubicBezTo>
                      <a:pt x="246475" y="1134707"/>
                      <a:pt x="283770" y="1134503"/>
                      <a:pt x="284178" y="1110659"/>
                    </a:cubicBezTo>
                    <a:lnTo>
                      <a:pt x="284178" y="1110659"/>
                    </a:lnTo>
                    <a:close/>
                  </a:path>
                </a:pathLst>
              </a:custGeom>
              <a:solidFill>
                <a:srgbClr val="FFA52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  <p:grpSp>
          <p:nvGrpSpPr>
            <p:cNvPr id="1072" name="Google Shape;1072;p20"/>
            <p:cNvGrpSpPr/>
            <p:nvPr/>
          </p:nvGrpSpPr>
          <p:grpSpPr>
            <a:xfrm>
              <a:off x="9471854" y="3930714"/>
              <a:ext cx="1734183" cy="1380521"/>
              <a:chOff x="9167261" y="3475651"/>
              <a:chExt cx="1734183" cy="1380521"/>
            </a:xfrm>
          </p:grpSpPr>
          <p:sp>
            <p:nvSpPr>
              <p:cNvPr id="1073" name="Google Shape;1073;p20"/>
              <p:cNvSpPr/>
              <p:nvPr/>
            </p:nvSpPr>
            <p:spPr>
              <a:xfrm>
                <a:off x="9167261" y="3475651"/>
                <a:ext cx="1726833" cy="1380521"/>
              </a:xfrm>
              <a:custGeom>
                <a:avLst/>
                <a:gdLst/>
                <a:ahLst/>
                <a:cxnLst/>
                <a:rect l="l" t="t" r="r" b="b"/>
                <a:pathLst>
                  <a:path w="1726833" h="1380521" extrusionOk="0">
                    <a:moveTo>
                      <a:pt x="1726834" y="1380521"/>
                    </a:moveTo>
                    <a:cubicBezTo>
                      <a:pt x="1402271" y="1347794"/>
                      <a:pt x="956387" y="1275252"/>
                      <a:pt x="695820" y="1058460"/>
                    </a:cubicBezTo>
                    <a:cubicBezTo>
                      <a:pt x="515090" y="905037"/>
                      <a:pt x="392728" y="691164"/>
                      <a:pt x="287875" y="488963"/>
                    </a:cubicBezTo>
                    <a:cubicBezTo>
                      <a:pt x="200116" y="326160"/>
                      <a:pt x="87759" y="177533"/>
                      <a:pt x="0" y="14730"/>
                    </a:cubicBezTo>
                    <a:cubicBezTo>
                      <a:pt x="796086" y="-102421"/>
                      <a:pt x="1725583" y="490839"/>
                      <a:pt x="1726834" y="1380521"/>
                    </a:cubicBezTo>
                  </a:path>
                </a:pathLst>
              </a:custGeom>
              <a:solidFill>
                <a:srgbClr val="11564F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4" name="Google Shape;1074;p20"/>
              <p:cNvSpPr/>
              <p:nvPr/>
            </p:nvSpPr>
            <p:spPr>
              <a:xfrm>
                <a:off x="9470928" y="3641271"/>
                <a:ext cx="1430516" cy="1197398"/>
              </a:xfrm>
              <a:custGeom>
                <a:avLst/>
                <a:gdLst/>
                <a:ahLst/>
                <a:cxnLst/>
                <a:rect l="l" t="t" r="r" b="b"/>
                <a:pathLst>
                  <a:path w="1430516" h="1197398" extrusionOk="0">
                    <a:moveTo>
                      <a:pt x="1426084" y="1163829"/>
                    </a:moveTo>
                    <a:cubicBezTo>
                      <a:pt x="1250149" y="940784"/>
                      <a:pt x="1009384" y="780065"/>
                      <a:pt x="783629" y="612051"/>
                    </a:cubicBezTo>
                    <a:cubicBezTo>
                      <a:pt x="523895" y="418814"/>
                      <a:pt x="295221" y="186805"/>
                      <a:pt x="27774" y="3365"/>
                    </a:cubicBezTo>
                    <a:cubicBezTo>
                      <a:pt x="7554" y="-10601"/>
                      <a:pt x="-11624" y="22543"/>
                      <a:pt x="8596" y="36301"/>
                    </a:cubicBezTo>
                    <a:cubicBezTo>
                      <a:pt x="262910" y="210569"/>
                      <a:pt x="480953" y="429863"/>
                      <a:pt x="725887" y="616012"/>
                    </a:cubicBezTo>
                    <a:cubicBezTo>
                      <a:pt x="960398" y="794240"/>
                      <a:pt x="1214712" y="956834"/>
                      <a:pt x="1399194" y="1190720"/>
                    </a:cubicBezTo>
                    <a:cubicBezTo>
                      <a:pt x="1414411" y="1210106"/>
                      <a:pt x="1441093" y="1183007"/>
                      <a:pt x="1426084" y="1163829"/>
                    </a:cubicBezTo>
                    <a:lnTo>
                      <a:pt x="1426084" y="1163829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5" name="Google Shape;1075;p20"/>
              <p:cNvSpPr/>
              <p:nvPr/>
            </p:nvSpPr>
            <p:spPr>
              <a:xfrm>
                <a:off x="10419392" y="4372509"/>
                <a:ext cx="354555" cy="325891"/>
              </a:xfrm>
              <a:custGeom>
                <a:avLst/>
                <a:gdLst/>
                <a:ahLst/>
                <a:cxnLst/>
                <a:rect l="l" t="t" r="r" b="b"/>
                <a:pathLst>
                  <a:path w="354555" h="325891" extrusionOk="0">
                    <a:moveTo>
                      <a:pt x="18396" y="316066"/>
                    </a:moveTo>
                    <a:cubicBezTo>
                      <a:pt x="123874" y="323570"/>
                      <a:pt x="229769" y="319610"/>
                      <a:pt x="335455" y="325863"/>
                    </a:cubicBezTo>
                    <a:cubicBezTo>
                      <a:pt x="344836" y="326489"/>
                      <a:pt x="355884" y="316691"/>
                      <a:pt x="354424" y="306894"/>
                    </a:cubicBezTo>
                    <a:cubicBezTo>
                      <a:pt x="340875" y="206211"/>
                      <a:pt x="373394" y="98023"/>
                      <a:pt x="312108" y="8596"/>
                    </a:cubicBezTo>
                    <a:cubicBezTo>
                      <a:pt x="298350" y="-11624"/>
                      <a:pt x="265206" y="7554"/>
                      <a:pt x="279172" y="27774"/>
                    </a:cubicBezTo>
                    <a:cubicBezTo>
                      <a:pt x="335455" y="110113"/>
                      <a:pt x="303770" y="213924"/>
                      <a:pt x="316277" y="306894"/>
                    </a:cubicBezTo>
                    <a:cubicBezTo>
                      <a:pt x="322531" y="300640"/>
                      <a:pt x="328993" y="294178"/>
                      <a:pt x="335247" y="287925"/>
                    </a:cubicBezTo>
                    <a:cubicBezTo>
                      <a:pt x="229560" y="281671"/>
                      <a:pt x="123874" y="285632"/>
                      <a:pt x="18188" y="278127"/>
                    </a:cubicBezTo>
                    <a:cubicBezTo>
                      <a:pt x="-6201" y="276251"/>
                      <a:pt x="-5993" y="314398"/>
                      <a:pt x="18396" y="316066"/>
                    </a:cubicBezTo>
                    <a:lnTo>
                      <a:pt x="18396" y="31606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6" name="Google Shape;1076;p20"/>
              <p:cNvSpPr/>
              <p:nvPr/>
            </p:nvSpPr>
            <p:spPr>
              <a:xfrm>
                <a:off x="10118723" y="4162542"/>
                <a:ext cx="490559" cy="400638"/>
              </a:xfrm>
              <a:custGeom>
                <a:avLst/>
                <a:gdLst/>
                <a:ahLst/>
                <a:cxnLst/>
                <a:rect l="l" t="t" r="r" b="b"/>
                <a:pathLst>
                  <a:path w="490559" h="400638" extrusionOk="0">
                    <a:moveTo>
                      <a:pt x="18266" y="354058"/>
                    </a:moveTo>
                    <a:cubicBezTo>
                      <a:pt x="169187" y="347596"/>
                      <a:pt x="318648" y="368233"/>
                      <a:pt x="466025" y="400127"/>
                    </a:cubicBezTo>
                    <a:cubicBezTo>
                      <a:pt x="478324" y="402837"/>
                      <a:pt x="489789" y="394499"/>
                      <a:pt x="490206" y="381783"/>
                    </a:cubicBezTo>
                    <a:cubicBezTo>
                      <a:pt x="494167" y="256919"/>
                      <a:pt x="464775" y="119548"/>
                      <a:pt x="405574" y="9484"/>
                    </a:cubicBezTo>
                    <a:cubicBezTo>
                      <a:pt x="393900" y="-12195"/>
                      <a:pt x="361173" y="7191"/>
                      <a:pt x="372638" y="28662"/>
                    </a:cubicBezTo>
                    <a:cubicBezTo>
                      <a:pt x="428504" y="132680"/>
                      <a:pt x="455811" y="264215"/>
                      <a:pt x="452059" y="381783"/>
                    </a:cubicBezTo>
                    <a:cubicBezTo>
                      <a:pt x="459980" y="375738"/>
                      <a:pt x="468110" y="369484"/>
                      <a:pt x="476240" y="363439"/>
                    </a:cubicBezTo>
                    <a:cubicBezTo>
                      <a:pt x="325736" y="330920"/>
                      <a:pt x="172730" y="309449"/>
                      <a:pt x="18474" y="316120"/>
                    </a:cubicBezTo>
                    <a:cubicBezTo>
                      <a:pt x="-6123" y="316954"/>
                      <a:pt x="-6123" y="355101"/>
                      <a:pt x="18266" y="354058"/>
                    </a:cubicBezTo>
                    <a:lnTo>
                      <a:pt x="18266" y="354058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7" name="Google Shape;1077;p20"/>
              <p:cNvSpPr/>
              <p:nvPr/>
            </p:nvSpPr>
            <p:spPr>
              <a:xfrm>
                <a:off x="9921004" y="3898954"/>
                <a:ext cx="376821" cy="424839"/>
              </a:xfrm>
              <a:custGeom>
                <a:avLst/>
                <a:gdLst/>
                <a:ahLst/>
                <a:cxnLst/>
                <a:rect l="l" t="t" r="r" b="b"/>
                <a:pathLst>
                  <a:path w="376821" h="424839" extrusionOk="0">
                    <a:moveTo>
                      <a:pt x="18370" y="424826"/>
                    </a:moveTo>
                    <a:cubicBezTo>
                      <a:pt x="130102" y="420657"/>
                      <a:pt x="241833" y="416905"/>
                      <a:pt x="353564" y="418781"/>
                    </a:cubicBezTo>
                    <a:cubicBezTo>
                      <a:pt x="361277" y="418989"/>
                      <a:pt x="370658" y="412944"/>
                      <a:pt x="371908" y="404814"/>
                    </a:cubicBezTo>
                    <a:cubicBezTo>
                      <a:pt x="390669" y="278908"/>
                      <a:pt x="353356" y="123401"/>
                      <a:pt x="299783" y="9794"/>
                    </a:cubicBezTo>
                    <a:cubicBezTo>
                      <a:pt x="289360" y="-12302"/>
                      <a:pt x="256425" y="6875"/>
                      <a:pt x="266847" y="28972"/>
                    </a:cubicBezTo>
                    <a:cubicBezTo>
                      <a:pt x="309372" y="119232"/>
                      <a:pt x="328967" y="225752"/>
                      <a:pt x="336888" y="324351"/>
                    </a:cubicBezTo>
                    <a:cubicBezTo>
                      <a:pt x="338139" y="340610"/>
                      <a:pt x="337930" y="356870"/>
                      <a:pt x="337513" y="373338"/>
                    </a:cubicBezTo>
                    <a:cubicBezTo>
                      <a:pt x="337096" y="386679"/>
                      <a:pt x="252464" y="380217"/>
                      <a:pt x="242458" y="380425"/>
                    </a:cubicBezTo>
                    <a:cubicBezTo>
                      <a:pt x="167623" y="381050"/>
                      <a:pt x="92997" y="384177"/>
                      <a:pt x="18370" y="386887"/>
                    </a:cubicBezTo>
                    <a:cubicBezTo>
                      <a:pt x="-6019" y="387721"/>
                      <a:pt x="-6227" y="425660"/>
                      <a:pt x="18370" y="424826"/>
                    </a:cubicBezTo>
                    <a:lnTo>
                      <a:pt x="18370" y="42482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8" name="Google Shape;1078;p20"/>
              <p:cNvSpPr/>
              <p:nvPr/>
            </p:nvSpPr>
            <p:spPr>
              <a:xfrm>
                <a:off x="9713697" y="3805537"/>
                <a:ext cx="344546" cy="309163"/>
              </a:xfrm>
              <a:custGeom>
                <a:avLst/>
                <a:gdLst/>
                <a:ahLst/>
                <a:cxnLst/>
                <a:rect l="l" t="t" r="r" b="b"/>
                <a:pathLst>
                  <a:path w="344546" h="309163" extrusionOk="0">
                    <a:moveTo>
                      <a:pt x="18474" y="309164"/>
                    </a:moveTo>
                    <a:cubicBezTo>
                      <a:pt x="120408" y="309164"/>
                      <a:pt x="222342" y="303118"/>
                      <a:pt x="324277" y="308955"/>
                    </a:cubicBezTo>
                    <a:cubicBezTo>
                      <a:pt x="334908" y="309580"/>
                      <a:pt x="343037" y="299783"/>
                      <a:pt x="343246" y="289986"/>
                    </a:cubicBezTo>
                    <a:cubicBezTo>
                      <a:pt x="346164" y="199308"/>
                      <a:pt x="343663" y="108839"/>
                      <a:pt x="340744" y="18370"/>
                    </a:cubicBezTo>
                    <a:cubicBezTo>
                      <a:pt x="339911" y="-6019"/>
                      <a:pt x="301763" y="-6227"/>
                      <a:pt x="302597" y="18370"/>
                    </a:cubicBezTo>
                    <a:cubicBezTo>
                      <a:pt x="305516" y="109048"/>
                      <a:pt x="308017" y="199517"/>
                      <a:pt x="305099" y="289986"/>
                    </a:cubicBezTo>
                    <a:cubicBezTo>
                      <a:pt x="311352" y="283524"/>
                      <a:pt x="317814" y="277270"/>
                      <a:pt x="324068" y="271016"/>
                    </a:cubicBezTo>
                    <a:cubicBezTo>
                      <a:pt x="222134" y="265180"/>
                      <a:pt x="120200" y="271225"/>
                      <a:pt x="18266" y="271225"/>
                    </a:cubicBezTo>
                    <a:cubicBezTo>
                      <a:pt x="-6123" y="271016"/>
                      <a:pt x="-6123" y="309164"/>
                      <a:pt x="18474" y="309164"/>
                    </a:cubicBezTo>
                    <a:lnTo>
                      <a:pt x="18474" y="309164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79" name="Google Shape;1079;p20"/>
              <p:cNvSpPr/>
              <p:nvPr/>
            </p:nvSpPr>
            <p:spPr>
              <a:xfrm>
                <a:off x="9518610" y="3595780"/>
                <a:ext cx="260260" cy="296175"/>
              </a:xfrm>
              <a:custGeom>
                <a:avLst/>
                <a:gdLst/>
                <a:ahLst/>
                <a:cxnLst/>
                <a:rect l="l" t="t" r="r" b="b"/>
                <a:pathLst>
                  <a:path w="260260" h="296175" extrusionOk="0">
                    <a:moveTo>
                      <a:pt x="18240" y="291914"/>
                    </a:moveTo>
                    <a:cubicBezTo>
                      <a:pt x="90573" y="284410"/>
                      <a:pt x="162282" y="284201"/>
                      <a:pt x="234198" y="295875"/>
                    </a:cubicBezTo>
                    <a:cubicBezTo>
                      <a:pt x="243370" y="297334"/>
                      <a:pt x="256086" y="293582"/>
                      <a:pt x="257545" y="282534"/>
                    </a:cubicBezTo>
                    <a:cubicBezTo>
                      <a:pt x="270678" y="190814"/>
                      <a:pt x="232322" y="108266"/>
                      <a:pt x="224609" y="18214"/>
                    </a:cubicBezTo>
                    <a:cubicBezTo>
                      <a:pt x="222525" y="-5967"/>
                      <a:pt x="184378" y="-6175"/>
                      <a:pt x="186462" y="18214"/>
                    </a:cubicBezTo>
                    <a:cubicBezTo>
                      <a:pt x="193758" y="103263"/>
                      <a:pt x="233364" y="186436"/>
                      <a:pt x="220857" y="272528"/>
                    </a:cubicBezTo>
                    <a:cubicBezTo>
                      <a:pt x="228778" y="268150"/>
                      <a:pt x="236491" y="263564"/>
                      <a:pt x="244204" y="259187"/>
                    </a:cubicBezTo>
                    <a:cubicBezTo>
                      <a:pt x="168744" y="246888"/>
                      <a:pt x="93909" y="245846"/>
                      <a:pt x="18031" y="253975"/>
                    </a:cubicBezTo>
                    <a:cubicBezTo>
                      <a:pt x="-5941" y="256477"/>
                      <a:pt x="-6149" y="294624"/>
                      <a:pt x="18240" y="291914"/>
                    </a:cubicBezTo>
                    <a:lnTo>
                      <a:pt x="18240" y="291914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0" name="Google Shape;1080;p20"/>
              <p:cNvSpPr/>
              <p:nvPr/>
            </p:nvSpPr>
            <p:spPr>
              <a:xfrm>
                <a:off x="9909618" y="3747613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1" name="Google Shape;1081;p20"/>
              <p:cNvSpPr/>
              <p:nvPr/>
            </p:nvSpPr>
            <p:spPr>
              <a:xfrm>
                <a:off x="9842495" y="3687578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2" name="Google Shape;1082;p20"/>
              <p:cNvSpPr/>
              <p:nvPr/>
            </p:nvSpPr>
            <p:spPr>
              <a:xfrm>
                <a:off x="9924209" y="3668192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3" name="Google Shape;1083;p20"/>
              <p:cNvSpPr/>
              <p:nvPr/>
            </p:nvSpPr>
            <p:spPr>
              <a:xfrm>
                <a:off x="9786421" y="4276878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4" name="Google Shape;1084;p20"/>
              <p:cNvSpPr/>
              <p:nvPr/>
            </p:nvSpPr>
            <p:spPr>
              <a:xfrm>
                <a:off x="9711169" y="4221638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5" name="Google Shape;1085;p20"/>
              <p:cNvSpPr/>
              <p:nvPr/>
            </p:nvSpPr>
            <p:spPr>
              <a:xfrm>
                <a:off x="9809351" y="4192663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208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6" name="Google Shape;1086;p20"/>
              <p:cNvSpPr/>
              <p:nvPr/>
            </p:nvSpPr>
            <p:spPr>
              <a:xfrm>
                <a:off x="9351378" y="3602737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7" name="Google Shape;1087;p20"/>
              <p:cNvSpPr/>
              <p:nvPr/>
            </p:nvSpPr>
            <p:spPr>
              <a:xfrm>
                <a:off x="9397863" y="3559796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8" name="Google Shape;1088;p20"/>
              <p:cNvSpPr/>
              <p:nvPr/>
            </p:nvSpPr>
            <p:spPr>
              <a:xfrm>
                <a:off x="10271911" y="3846003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89" name="Google Shape;1089;p20"/>
              <p:cNvSpPr/>
              <p:nvPr/>
            </p:nvSpPr>
            <p:spPr>
              <a:xfrm>
                <a:off x="10209583" y="3794307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90" name="Google Shape;1090;p20"/>
              <p:cNvSpPr/>
              <p:nvPr/>
            </p:nvSpPr>
            <p:spPr>
              <a:xfrm>
                <a:off x="10067209" y="4547660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091" name="Google Shape;1091;p20"/>
              <p:cNvSpPr/>
              <p:nvPr/>
            </p:nvSpPr>
            <p:spPr>
              <a:xfrm>
                <a:off x="9991332" y="4520144"/>
                <a:ext cx="55344" cy="57116"/>
              </a:xfrm>
              <a:custGeom>
                <a:avLst/>
                <a:gdLst/>
                <a:ahLst/>
                <a:cxnLst/>
                <a:rect l="l" t="t" r="r" b="b"/>
                <a:pathLst>
                  <a:path w="55344" h="57116" extrusionOk="0">
                    <a:moveTo>
                      <a:pt x="27672" y="57116"/>
                    </a:moveTo>
                    <a:cubicBezTo>
                      <a:pt x="64569" y="57116"/>
                      <a:pt x="64569" y="0"/>
                      <a:pt x="27672" y="0"/>
                    </a:cubicBezTo>
                    <a:cubicBezTo>
                      <a:pt x="-9224" y="0"/>
                      <a:pt x="-9224" y="57116"/>
                      <a:pt x="27672" y="57116"/>
                    </a:cubicBezTo>
                    <a:lnTo>
                      <a:pt x="27672" y="57116"/>
                    </a:lnTo>
                    <a:close/>
                  </a:path>
                </a:pathLst>
              </a:custGeom>
              <a:solidFill>
                <a:srgbClr val="46AA9E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  <p:pic>
          <p:nvPicPr>
            <p:cNvPr id="1092" name="Google Shape;1092;p20"/>
            <p:cNvPicPr preferRelativeResize="0"/>
            <p:nvPr/>
          </p:nvPicPr>
          <p:blipFill rotWithShape="1">
            <a:blip r:embed="rId4">
              <a:alphaModFix/>
            </a:blip>
            <a:srcRect/>
            <a:stretch/>
          </p:blipFill>
          <p:spPr>
            <a:xfrm>
              <a:off x="10746101" y="2605828"/>
              <a:ext cx="1433328" cy="961600"/>
            </a:xfrm>
            <a:prstGeom prst="rect">
              <a:avLst/>
            </a:prstGeom>
            <a:noFill/>
            <a:ln>
              <a:noFill/>
            </a:ln>
          </p:spPr>
        </p:pic>
      </p:grpSp>
      <p:grpSp>
        <p:nvGrpSpPr>
          <p:cNvPr id="1100" name="Google Shape;1100;p20"/>
          <p:cNvGrpSpPr/>
          <p:nvPr/>
        </p:nvGrpSpPr>
        <p:grpSpPr>
          <a:xfrm rot="1213838">
            <a:off x="99228" y="-740362"/>
            <a:ext cx="3446538" cy="6075942"/>
            <a:chOff x="0" y="2213069"/>
            <a:chExt cx="2613113" cy="4606687"/>
          </a:xfrm>
        </p:grpSpPr>
        <p:sp>
          <p:nvSpPr>
            <p:cNvPr id="1101" name="Google Shape;1101;p20"/>
            <p:cNvSpPr/>
            <p:nvPr/>
          </p:nvSpPr>
          <p:spPr>
            <a:xfrm>
              <a:off x="0" y="2213069"/>
              <a:ext cx="2613113" cy="2465592"/>
            </a:xfrm>
            <a:custGeom>
              <a:avLst/>
              <a:gdLst/>
              <a:ahLst/>
              <a:cxnLst/>
              <a:rect l="l" t="t" r="r" b="b"/>
              <a:pathLst>
                <a:path w="2613113" h="2465592" extrusionOk="0">
                  <a:moveTo>
                    <a:pt x="841518" y="2039175"/>
                  </a:moveTo>
                  <a:cubicBezTo>
                    <a:pt x="604726" y="2161413"/>
                    <a:pt x="261064" y="2161413"/>
                    <a:pt x="85391" y="1932305"/>
                  </a:cubicBezTo>
                  <a:cubicBezTo>
                    <a:pt x="-159084" y="1619202"/>
                    <a:pt x="169386" y="1283049"/>
                    <a:pt x="467296" y="1183687"/>
                  </a:cubicBezTo>
                  <a:cubicBezTo>
                    <a:pt x="367935" y="1076642"/>
                    <a:pt x="230505" y="1030890"/>
                    <a:pt x="169386" y="878093"/>
                  </a:cubicBezTo>
                  <a:cubicBezTo>
                    <a:pt x="115951" y="740663"/>
                    <a:pt x="108267" y="549623"/>
                    <a:pt x="199945" y="427386"/>
                  </a:cubicBezTo>
                  <a:cubicBezTo>
                    <a:pt x="444421" y="129475"/>
                    <a:pt x="780399" y="244029"/>
                    <a:pt x="1032558" y="435069"/>
                  </a:cubicBezTo>
                  <a:cubicBezTo>
                    <a:pt x="1116552" y="68357"/>
                    <a:pt x="1567260" y="-99633"/>
                    <a:pt x="1895729" y="60848"/>
                  </a:cubicBezTo>
                  <a:cubicBezTo>
                    <a:pt x="2216516" y="221328"/>
                    <a:pt x="2208832" y="572674"/>
                    <a:pt x="2048526" y="840025"/>
                  </a:cubicBezTo>
                  <a:cubicBezTo>
                    <a:pt x="2315877" y="870584"/>
                    <a:pt x="2667223" y="954579"/>
                    <a:pt x="2606104" y="1313783"/>
                  </a:cubicBezTo>
                  <a:cubicBezTo>
                    <a:pt x="2537302" y="1672812"/>
                    <a:pt x="2224199" y="1756806"/>
                    <a:pt x="1910922" y="1756806"/>
                  </a:cubicBezTo>
                  <a:cubicBezTo>
                    <a:pt x="1918605" y="1955355"/>
                    <a:pt x="1956674" y="2077593"/>
                    <a:pt x="1880362" y="2222706"/>
                  </a:cubicBezTo>
                  <a:cubicBezTo>
                    <a:pt x="1811560" y="2352453"/>
                    <a:pt x="1658938" y="2444131"/>
                    <a:pt x="1521333" y="2459498"/>
                  </a:cubicBezTo>
                  <a:cubicBezTo>
                    <a:pt x="1246299" y="2505424"/>
                    <a:pt x="978948" y="2283825"/>
                    <a:pt x="864394" y="2062226"/>
                  </a:cubicBezTo>
                </a:path>
              </a:pathLst>
            </a:custGeom>
            <a:solidFill>
              <a:srgbClr val="459B97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grpSp>
          <p:nvGrpSpPr>
            <p:cNvPr id="1102" name="Google Shape;1102;p20"/>
            <p:cNvGrpSpPr/>
            <p:nvPr/>
          </p:nvGrpSpPr>
          <p:grpSpPr>
            <a:xfrm>
              <a:off x="101106" y="2960878"/>
              <a:ext cx="1687576" cy="3858878"/>
              <a:chOff x="101106" y="2960878"/>
              <a:chExt cx="1687576" cy="3858878"/>
            </a:xfrm>
          </p:grpSpPr>
          <p:sp>
            <p:nvSpPr>
              <p:cNvPr id="1103" name="Google Shape;1103;p20"/>
              <p:cNvSpPr/>
              <p:nvPr/>
            </p:nvSpPr>
            <p:spPr>
              <a:xfrm>
                <a:off x="101106" y="2960878"/>
                <a:ext cx="1687576" cy="3858878"/>
              </a:xfrm>
              <a:custGeom>
                <a:avLst/>
                <a:gdLst/>
                <a:ahLst/>
                <a:cxnLst/>
                <a:rect l="l" t="t" r="r" b="b"/>
                <a:pathLst>
                  <a:path w="1687576" h="3858878" extrusionOk="0">
                    <a:moveTo>
                      <a:pt x="0" y="3858879"/>
                    </a:moveTo>
                    <a:cubicBezTo>
                      <a:pt x="145113" y="2094467"/>
                      <a:pt x="832088" y="894094"/>
                      <a:pt x="893207" y="664986"/>
                    </a:cubicBezTo>
                    <a:cubicBezTo>
                      <a:pt x="962010" y="451070"/>
                      <a:pt x="1000078" y="-14830"/>
                      <a:pt x="1061197" y="363"/>
                    </a:cubicBezTo>
                    <a:lnTo>
                      <a:pt x="1061197" y="363"/>
                    </a:lnTo>
                    <a:cubicBezTo>
                      <a:pt x="1145191" y="46115"/>
                      <a:pt x="1084073" y="527556"/>
                      <a:pt x="1000078" y="810099"/>
                    </a:cubicBezTo>
                    <a:cubicBezTo>
                      <a:pt x="1389666" y="458754"/>
                      <a:pt x="1657017" y="397635"/>
                      <a:pt x="1687577" y="451070"/>
                    </a:cubicBezTo>
                    <a:cubicBezTo>
                      <a:pt x="1687577" y="512189"/>
                      <a:pt x="1313355" y="664986"/>
                      <a:pt x="1084247" y="916970"/>
                    </a:cubicBezTo>
                    <a:cubicBezTo>
                      <a:pt x="778653" y="1199513"/>
                      <a:pt x="664099" y="1917572"/>
                      <a:pt x="587788" y="2322527"/>
                    </a:cubicBezTo>
                    <a:cubicBezTo>
                      <a:pt x="500825" y="2783363"/>
                      <a:pt x="450882" y="3528488"/>
                      <a:pt x="542560" y="3849274"/>
                    </a:cubicBezTo>
                  </a:path>
                </a:pathLst>
              </a:custGeom>
              <a:solidFill>
                <a:srgbClr val="724120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4" name="Google Shape;1104;p20"/>
              <p:cNvSpPr/>
              <p:nvPr/>
            </p:nvSpPr>
            <p:spPr>
              <a:xfrm>
                <a:off x="779057" y="3831456"/>
                <a:ext cx="261635" cy="504625"/>
              </a:xfrm>
              <a:custGeom>
                <a:avLst/>
                <a:gdLst/>
                <a:ahLst/>
                <a:cxnLst/>
                <a:rect l="l" t="t" r="r" b="b"/>
                <a:pathLst>
                  <a:path w="261635" h="504625" extrusionOk="0">
                    <a:moveTo>
                      <a:pt x="232021" y="7974"/>
                    </a:moveTo>
                    <a:cubicBezTo>
                      <a:pt x="146979" y="163041"/>
                      <a:pt x="65254" y="320204"/>
                      <a:pt x="1167" y="485399"/>
                    </a:cubicBezTo>
                    <a:cubicBezTo>
                      <a:pt x="-6342" y="504608"/>
                      <a:pt x="24567" y="512815"/>
                      <a:pt x="31901" y="493956"/>
                    </a:cubicBezTo>
                    <a:cubicBezTo>
                      <a:pt x="94940" y="331380"/>
                      <a:pt x="175617" y="176837"/>
                      <a:pt x="259437" y="24214"/>
                    </a:cubicBezTo>
                    <a:cubicBezTo>
                      <a:pt x="269565" y="5879"/>
                      <a:pt x="241975" y="-10187"/>
                      <a:pt x="232021" y="7974"/>
                    </a:cubicBezTo>
                    <a:lnTo>
                      <a:pt x="232021" y="7974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5" name="Google Shape;1105;p20"/>
              <p:cNvSpPr/>
              <p:nvPr/>
            </p:nvSpPr>
            <p:spPr>
              <a:xfrm>
                <a:off x="741557" y="4450472"/>
                <a:ext cx="62490" cy="130486"/>
              </a:xfrm>
              <a:custGeom>
                <a:avLst/>
                <a:gdLst/>
                <a:ahLst/>
                <a:cxnLst/>
                <a:rect l="l" t="t" r="r" b="b"/>
                <a:pathLst>
                  <a:path w="62490" h="130486" extrusionOk="0">
                    <a:moveTo>
                      <a:pt x="31158" y="11322"/>
                    </a:moveTo>
                    <a:cubicBezTo>
                      <a:pt x="22427" y="44850"/>
                      <a:pt x="9330" y="77156"/>
                      <a:pt x="598" y="110684"/>
                    </a:cubicBezTo>
                    <a:cubicBezTo>
                      <a:pt x="-4640" y="130591"/>
                      <a:pt x="26094" y="138973"/>
                      <a:pt x="31332" y="119240"/>
                    </a:cubicBezTo>
                    <a:cubicBezTo>
                      <a:pt x="40064" y="85712"/>
                      <a:pt x="53161" y="53407"/>
                      <a:pt x="61892" y="19879"/>
                    </a:cubicBezTo>
                    <a:cubicBezTo>
                      <a:pt x="67131" y="-29"/>
                      <a:pt x="36397" y="-8585"/>
                      <a:pt x="31158" y="11322"/>
                    </a:cubicBezTo>
                    <a:lnTo>
                      <a:pt x="31158" y="11322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6" name="Google Shape;1106;p20"/>
              <p:cNvSpPr/>
              <p:nvPr/>
            </p:nvSpPr>
            <p:spPr>
              <a:xfrm>
                <a:off x="618985" y="4420114"/>
                <a:ext cx="116418" cy="305631"/>
              </a:xfrm>
              <a:custGeom>
                <a:avLst/>
                <a:gdLst/>
                <a:ahLst/>
                <a:cxnLst/>
                <a:rect l="l" t="t" r="r" b="b"/>
                <a:pathLst>
                  <a:path w="116418" h="305631" extrusionOk="0">
                    <a:moveTo>
                      <a:pt x="84927" y="11121"/>
                    </a:moveTo>
                    <a:cubicBezTo>
                      <a:pt x="57860" y="103148"/>
                      <a:pt x="31841" y="195350"/>
                      <a:pt x="932" y="286155"/>
                    </a:cubicBezTo>
                    <a:cubicBezTo>
                      <a:pt x="-5703" y="305713"/>
                      <a:pt x="25031" y="313921"/>
                      <a:pt x="31666" y="294712"/>
                    </a:cubicBezTo>
                    <a:cubicBezTo>
                      <a:pt x="62575" y="203907"/>
                      <a:pt x="88594" y="111705"/>
                      <a:pt x="115661" y="19677"/>
                    </a:cubicBezTo>
                    <a:cubicBezTo>
                      <a:pt x="121598" y="-55"/>
                      <a:pt x="90864" y="-8437"/>
                      <a:pt x="84927" y="11121"/>
                    </a:cubicBezTo>
                    <a:lnTo>
                      <a:pt x="84927" y="11121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7" name="Google Shape;1107;p20"/>
              <p:cNvSpPr/>
              <p:nvPr/>
            </p:nvSpPr>
            <p:spPr>
              <a:xfrm>
                <a:off x="619494" y="4652988"/>
                <a:ext cx="142468" cy="501041"/>
              </a:xfrm>
              <a:custGeom>
                <a:avLst/>
                <a:gdLst/>
                <a:ahLst/>
                <a:cxnLst/>
                <a:rect l="l" t="t" r="r" b="b"/>
                <a:pathLst>
                  <a:path w="142468" h="501041" extrusionOk="0">
                    <a:moveTo>
                      <a:pt x="111136" y="11372"/>
                    </a:moveTo>
                    <a:cubicBezTo>
                      <a:pt x="70448" y="167137"/>
                      <a:pt x="35348" y="324125"/>
                      <a:pt x="423" y="481113"/>
                    </a:cubicBezTo>
                    <a:cubicBezTo>
                      <a:pt x="-3942" y="501195"/>
                      <a:pt x="26792" y="509577"/>
                      <a:pt x="31157" y="489670"/>
                    </a:cubicBezTo>
                    <a:cubicBezTo>
                      <a:pt x="66082" y="332682"/>
                      <a:pt x="101182" y="175519"/>
                      <a:pt x="141870" y="19928"/>
                    </a:cubicBezTo>
                    <a:cubicBezTo>
                      <a:pt x="147108" y="-154"/>
                      <a:pt x="116374" y="-8535"/>
                      <a:pt x="111136" y="11372"/>
                    </a:cubicBezTo>
                    <a:lnTo>
                      <a:pt x="111136" y="11372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8" name="Google Shape;1108;p20"/>
              <p:cNvSpPr/>
              <p:nvPr/>
            </p:nvSpPr>
            <p:spPr>
              <a:xfrm>
                <a:off x="474473" y="4801818"/>
                <a:ext cx="123305" cy="363637"/>
              </a:xfrm>
              <a:custGeom>
                <a:avLst/>
                <a:gdLst/>
                <a:ahLst/>
                <a:cxnLst/>
                <a:rect l="l" t="t" r="r" b="b"/>
                <a:pathLst>
                  <a:path w="123305" h="363637" extrusionOk="0">
                    <a:moveTo>
                      <a:pt x="92010" y="11322"/>
                    </a:moveTo>
                    <a:cubicBezTo>
                      <a:pt x="63371" y="122558"/>
                      <a:pt x="22334" y="230826"/>
                      <a:pt x="332" y="343633"/>
                    </a:cubicBezTo>
                    <a:cubicBezTo>
                      <a:pt x="-3510" y="363715"/>
                      <a:pt x="27224" y="372272"/>
                      <a:pt x="31066" y="352190"/>
                    </a:cubicBezTo>
                    <a:cubicBezTo>
                      <a:pt x="53068" y="239382"/>
                      <a:pt x="94105" y="131115"/>
                      <a:pt x="122744" y="19879"/>
                    </a:cubicBezTo>
                    <a:cubicBezTo>
                      <a:pt x="127808" y="-29"/>
                      <a:pt x="97074" y="-8585"/>
                      <a:pt x="92010" y="11322"/>
                    </a:cubicBezTo>
                    <a:lnTo>
                      <a:pt x="92010" y="11322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09" name="Google Shape;1109;p20"/>
              <p:cNvSpPr/>
              <p:nvPr/>
            </p:nvSpPr>
            <p:spPr>
              <a:xfrm>
                <a:off x="481952" y="5214157"/>
                <a:ext cx="77238" cy="260559"/>
              </a:xfrm>
              <a:custGeom>
                <a:avLst/>
                <a:gdLst/>
                <a:ahLst/>
                <a:cxnLst/>
                <a:rect l="l" t="t" r="r" b="b"/>
                <a:pathLst>
                  <a:path w="77238" h="260559" extrusionOk="0">
                    <a:moveTo>
                      <a:pt x="46287" y="11447"/>
                    </a:moveTo>
                    <a:cubicBezTo>
                      <a:pt x="31095" y="87758"/>
                      <a:pt x="15728" y="164244"/>
                      <a:pt x="361" y="240555"/>
                    </a:cubicBezTo>
                    <a:cubicBezTo>
                      <a:pt x="-3655" y="260637"/>
                      <a:pt x="27079" y="269194"/>
                      <a:pt x="31095" y="249112"/>
                    </a:cubicBezTo>
                    <a:cubicBezTo>
                      <a:pt x="46287" y="172801"/>
                      <a:pt x="61654" y="96315"/>
                      <a:pt x="76847" y="20004"/>
                    </a:cubicBezTo>
                    <a:cubicBezTo>
                      <a:pt x="81038" y="-78"/>
                      <a:pt x="50304" y="-8635"/>
                      <a:pt x="46287" y="11447"/>
                    </a:cubicBezTo>
                    <a:lnTo>
                      <a:pt x="46287" y="11447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0" name="Google Shape;1110;p20"/>
              <p:cNvSpPr/>
              <p:nvPr/>
            </p:nvSpPr>
            <p:spPr>
              <a:xfrm>
                <a:off x="290917" y="5412869"/>
                <a:ext cx="138799" cy="802531"/>
              </a:xfrm>
              <a:custGeom>
                <a:avLst/>
                <a:gdLst/>
                <a:ahLst/>
                <a:cxnLst/>
                <a:rect l="l" t="t" r="r" b="b"/>
                <a:pathLst>
                  <a:path w="138799" h="802531" extrusionOk="0">
                    <a:moveTo>
                      <a:pt x="107575" y="11458"/>
                    </a:moveTo>
                    <a:cubicBezTo>
                      <a:pt x="47504" y="268157"/>
                      <a:pt x="7166" y="523285"/>
                      <a:pt x="6" y="787143"/>
                    </a:cubicBezTo>
                    <a:cubicBezTo>
                      <a:pt x="-517" y="807749"/>
                      <a:pt x="31264" y="807574"/>
                      <a:pt x="31963" y="787143"/>
                    </a:cubicBezTo>
                    <a:cubicBezTo>
                      <a:pt x="39122" y="526253"/>
                      <a:pt x="78937" y="273571"/>
                      <a:pt x="138309" y="19840"/>
                    </a:cubicBezTo>
                    <a:cubicBezTo>
                      <a:pt x="143024" y="-67"/>
                      <a:pt x="112290" y="-8624"/>
                      <a:pt x="107575" y="11458"/>
                    </a:cubicBezTo>
                    <a:lnTo>
                      <a:pt x="107575" y="11458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1" name="Google Shape;1111;p20"/>
              <p:cNvSpPr/>
              <p:nvPr/>
            </p:nvSpPr>
            <p:spPr>
              <a:xfrm>
                <a:off x="462671" y="5550865"/>
                <a:ext cx="85627" cy="515449"/>
              </a:xfrm>
              <a:custGeom>
                <a:avLst/>
                <a:gdLst/>
                <a:ahLst/>
                <a:cxnLst/>
                <a:rect l="l" t="t" r="r" b="b"/>
                <a:pathLst>
                  <a:path w="85627" h="515449" extrusionOk="0">
                    <a:moveTo>
                      <a:pt x="53519" y="15258"/>
                    </a:moveTo>
                    <a:cubicBezTo>
                      <a:pt x="33088" y="176611"/>
                      <a:pt x="15800" y="338314"/>
                      <a:pt x="84" y="500192"/>
                    </a:cubicBezTo>
                    <a:cubicBezTo>
                      <a:pt x="-1837" y="520623"/>
                      <a:pt x="29945" y="520448"/>
                      <a:pt x="32040" y="500192"/>
                    </a:cubicBezTo>
                    <a:cubicBezTo>
                      <a:pt x="47931" y="338314"/>
                      <a:pt x="65044" y="176611"/>
                      <a:pt x="85475" y="15258"/>
                    </a:cubicBezTo>
                    <a:cubicBezTo>
                      <a:pt x="88095" y="-5173"/>
                      <a:pt x="56138" y="-4999"/>
                      <a:pt x="53519" y="15258"/>
                    </a:cubicBezTo>
                    <a:lnTo>
                      <a:pt x="53519" y="15258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2" name="Google Shape;1112;p20"/>
              <p:cNvSpPr/>
              <p:nvPr/>
            </p:nvSpPr>
            <p:spPr>
              <a:xfrm>
                <a:off x="405478" y="6207434"/>
                <a:ext cx="31956" cy="229457"/>
              </a:xfrm>
              <a:custGeom>
                <a:avLst/>
                <a:gdLst/>
                <a:ahLst/>
                <a:cxnLst/>
                <a:rect l="l" t="t" r="r" b="b"/>
                <a:pathLst>
                  <a:path w="31956" h="229457" extrusionOk="0">
                    <a:moveTo>
                      <a:pt x="0" y="15454"/>
                    </a:moveTo>
                    <a:cubicBezTo>
                      <a:pt x="0" y="81637"/>
                      <a:pt x="0" y="147820"/>
                      <a:pt x="0" y="214003"/>
                    </a:cubicBezTo>
                    <a:cubicBezTo>
                      <a:pt x="0" y="234609"/>
                      <a:pt x="31956" y="234609"/>
                      <a:pt x="31956" y="214003"/>
                    </a:cubicBezTo>
                    <a:cubicBezTo>
                      <a:pt x="31956" y="147820"/>
                      <a:pt x="31956" y="81637"/>
                      <a:pt x="31956" y="15454"/>
                    </a:cubicBezTo>
                    <a:cubicBezTo>
                      <a:pt x="31956" y="-5151"/>
                      <a:pt x="0" y="-5151"/>
                      <a:pt x="0" y="15454"/>
                    </a:cubicBezTo>
                    <a:lnTo>
                      <a:pt x="0" y="15454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3" name="Google Shape;1113;p20"/>
              <p:cNvSpPr/>
              <p:nvPr/>
            </p:nvSpPr>
            <p:spPr>
              <a:xfrm>
                <a:off x="1070201" y="3312141"/>
                <a:ext cx="77507" cy="245291"/>
              </a:xfrm>
              <a:custGeom>
                <a:avLst/>
                <a:gdLst/>
                <a:ahLst/>
                <a:cxnLst/>
                <a:rect l="l" t="t" r="r" b="b"/>
                <a:pathLst>
                  <a:path w="77507" h="245291" extrusionOk="0">
                    <a:moveTo>
                      <a:pt x="46175" y="11447"/>
                    </a:moveTo>
                    <a:cubicBezTo>
                      <a:pt x="30459" y="82694"/>
                      <a:pt x="16140" y="154116"/>
                      <a:pt x="423" y="225363"/>
                    </a:cubicBezTo>
                    <a:cubicBezTo>
                      <a:pt x="-3942" y="245445"/>
                      <a:pt x="26792" y="253827"/>
                      <a:pt x="31157" y="233920"/>
                    </a:cubicBezTo>
                    <a:cubicBezTo>
                      <a:pt x="46874" y="162673"/>
                      <a:pt x="61368" y="91251"/>
                      <a:pt x="77084" y="20004"/>
                    </a:cubicBezTo>
                    <a:cubicBezTo>
                      <a:pt x="81449" y="-78"/>
                      <a:pt x="50715" y="-8635"/>
                      <a:pt x="46175" y="11447"/>
                    </a:cubicBezTo>
                    <a:lnTo>
                      <a:pt x="46175" y="11447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4" name="Google Shape;1114;p20"/>
              <p:cNvSpPr/>
              <p:nvPr/>
            </p:nvSpPr>
            <p:spPr>
              <a:xfrm>
                <a:off x="1206938" y="3624927"/>
                <a:ext cx="169799" cy="138393"/>
              </a:xfrm>
              <a:custGeom>
                <a:avLst/>
                <a:gdLst/>
                <a:ahLst/>
                <a:cxnLst/>
                <a:rect l="l" t="t" r="r" b="b"/>
                <a:pathLst>
                  <a:path w="169799" h="138393" extrusionOk="0">
                    <a:moveTo>
                      <a:pt x="27834" y="134350"/>
                    </a:moveTo>
                    <a:cubicBezTo>
                      <a:pt x="71490" y="97679"/>
                      <a:pt x="112702" y="58912"/>
                      <a:pt x="162121" y="29925"/>
                    </a:cubicBezTo>
                    <a:cubicBezTo>
                      <a:pt x="179758" y="19447"/>
                      <a:pt x="163867" y="-8144"/>
                      <a:pt x="146055" y="2334"/>
                    </a:cubicBezTo>
                    <a:cubicBezTo>
                      <a:pt x="94366" y="32719"/>
                      <a:pt x="51059" y="73406"/>
                      <a:pt x="5307" y="111824"/>
                    </a:cubicBezTo>
                    <a:cubicBezTo>
                      <a:pt x="-10409" y="125095"/>
                      <a:pt x="12293" y="147622"/>
                      <a:pt x="27834" y="134350"/>
                    </a:cubicBezTo>
                    <a:lnTo>
                      <a:pt x="27834" y="134350"/>
                    </a:lnTo>
                    <a:close/>
                  </a:path>
                </a:pathLst>
              </a:custGeom>
              <a:solidFill>
                <a:srgbClr val="BC86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  <p:grpSp>
          <p:nvGrpSpPr>
            <p:cNvPr id="1115" name="Google Shape;1115;p20"/>
            <p:cNvGrpSpPr/>
            <p:nvPr/>
          </p:nvGrpSpPr>
          <p:grpSpPr>
            <a:xfrm>
              <a:off x="199901" y="2459662"/>
              <a:ext cx="2180577" cy="1990110"/>
              <a:chOff x="199901" y="2459662"/>
              <a:chExt cx="2180577" cy="1990110"/>
            </a:xfrm>
          </p:grpSpPr>
          <p:sp>
            <p:nvSpPr>
              <p:cNvPr id="1116" name="Google Shape;1116;p20"/>
              <p:cNvSpPr/>
              <p:nvPr/>
            </p:nvSpPr>
            <p:spPr>
              <a:xfrm>
                <a:off x="199901" y="3663758"/>
                <a:ext cx="15454" cy="15890"/>
              </a:xfrm>
              <a:custGeom>
                <a:avLst/>
                <a:gdLst/>
                <a:ahLst/>
                <a:cxnLst/>
                <a:rect l="l" t="t" r="r" b="b"/>
                <a:pathLst>
                  <a:path w="15454" h="15890" extrusionOk="0">
                    <a:moveTo>
                      <a:pt x="7727" y="15891"/>
                    </a:moveTo>
                    <a:cubicBezTo>
                      <a:pt x="18030" y="15891"/>
                      <a:pt x="18030" y="0"/>
                      <a:pt x="7727" y="0"/>
                    </a:cubicBezTo>
                    <a:cubicBezTo>
                      <a:pt x="-2576" y="0"/>
                      <a:pt x="-2576" y="15891"/>
                      <a:pt x="7727" y="15891"/>
                    </a:cubicBezTo>
                    <a:lnTo>
                      <a:pt x="7727" y="15891"/>
                    </a:lnTo>
                    <a:close/>
                  </a:path>
                </a:pathLst>
              </a:custGeom>
              <a:solidFill>
                <a:srgbClr val="724120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7" name="Google Shape;1117;p20"/>
              <p:cNvSpPr/>
              <p:nvPr/>
            </p:nvSpPr>
            <p:spPr>
              <a:xfrm>
                <a:off x="199901" y="3671441"/>
                <a:ext cx="15454" cy="15890"/>
              </a:xfrm>
              <a:custGeom>
                <a:avLst/>
                <a:gdLst/>
                <a:ahLst/>
                <a:cxnLst/>
                <a:rect l="l" t="t" r="r" b="b"/>
                <a:pathLst>
                  <a:path w="15454" h="15890" extrusionOk="0">
                    <a:moveTo>
                      <a:pt x="7727" y="15891"/>
                    </a:moveTo>
                    <a:cubicBezTo>
                      <a:pt x="18030" y="15891"/>
                      <a:pt x="18030" y="0"/>
                      <a:pt x="7727" y="0"/>
                    </a:cubicBezTo>
                    <a:cubicBezTo>
                      <a:pt x="-2576" y="0"/>
                      <a:pt x="-2576" y="15891"/>
                      <a:pt x="7727" y="15891"/>
                    </a:cubicBezTo>
                    <a:lnTo>
                      <a:pt x="7727" y="15891"/>
                    </a:lnTo>
                    <a:close/>
                  </a:path>
                </a:pathLst>
              </a:custGeom>
              <a:solidFill>
                <a:srgbClr val="724120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8" name="Google Shape;1118;p20"/>
              <p:cNvSpPr/>
              <p:nvPr/>
            </p:nvSpPr>
            <p:spPr>
              <a:xfrm>
                <a:off x="1162692" y="3602167"/>
                <a:ext cx="748162" cy="847605"/>
              </a:xfrm>
              <a:custGeom>
                <a:avLst/>
                <a:gdLst/>
                <a:ahLst/>
                <a:cxnLst/>
                <a:rect l="l" t="t" r="r" b="b"/>
                <a:pathLst>
                  <a:path w="748162" h="847605" extrusionOk="0">
                    <a:moveTo>
                      <a:pt x="3627" y="699497"/>
                    </a:moveTo>
                    <a:cubicBezTo>
                      <a:pt x="108053" y="834482"/>
                      <a:pt x="311491" y="912888"/>
                      <a:pt x="447350" y="776157"/>
                    </a:cubicBezTo>
                    <a:cubicBezTo>
                      <a:pt x="557364" y="665445"/>
                      <a:pt x="530297" y="464277"/>
                      <a:pt x="480878" y="332784"/>
                    </a:cubicBezTo>
                    <a:cubicBezTo>
                      <a:pt x="474417" y="339245"/>
                      <a:pt x="467781" y="345881"/>
                      <a:pt x="461320" y="352342"/>
                    </a:cubicBezTo>
                    <a:cubicBezTo>
                      <a:pt x="655677" y="394601"/>
                      <a:pt x="846892" y="165668"/>
                      <a:pt x="690777" y="4838"/>
                    </a:cubicBezTo>
                    <a:cubicBezTo>
                      <a:pt x="676458" y="-10005"/>
                      <a:pt x="653931" y="12696"/>
                      <a:pt x="668250" y="27365"/>
                    </a:cubicBezTo>
                    <a:cubicBezTo>
                      <a:pt x="801839" y="164969"/>
                      <a:pt x="632802" y="356882"/>
                      <a:pt x="469876" y="321608"/>
                    </a:cubicBezTo>
                    <a:cubicBezTo>
                      <a:pt x="459050" y="319163"/>
                      <a:pt x="445778" y="329117"/>
                      <a:pt x="450318" y="341166"/>
                    </a:cubicBezTo>
                    <a:cubicBezTo>
                      <a:pt x="494673" y="459911"/>
                      <a:pt x="514406" y="607295"/>
                      <a:pt x="448747" y="721849"/>
                    </a:cubicBezTo>
                    <a:cubicBezTo>
                      <a:pt x="348512" y="896823"/>
                      <a:pt x="121499" y="799906"/>
                      <a:pt x="26154" y="676970"/>
                    </a:cubicBezTo>
                    <a:cubicBezTo>
                      <a:pt x="13581" y="660730"/>
                      <a:pt x="-8771" y="683431"/>
                      <a:pt x="3627" y="699497"/>
                    </a:cubicBezTo>
                    <a:lnTo>
                      <a:pt x="3627" y="69949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19" name="Google Shape;1119;p20"/>
              <p:cNvSpPr/>
              <p:nvPr/>
            </p:nvSpPr>
            <p:spPr>
              <a:xfrm>
                <a:off x="1222038" y="3915720"/>
                <a:ext cx="245244" cy="237062"/>
              </a:xfrm>
              <a:custGeom>
                <a:avLst/>
                <a:gdLst/>
                <a:ahLst/>
                <a:cxnLst/>
                <a:rect l="l" t="t" r="r" b="b"/>
                <a:pathLst>
                  <a:path w="245244" h="237062" extrusionOk="0">
                    <a:moveTo>
                      <a:pt x="5400" y="195077"/>
                    </a:moveTo>
                    <a:cubicBezTo>
                      <a:pt x="57089" y="237337"/>
                      <a:pt x="127987" y="257069"/>
                      <a:pt x="183867" y="209047"/>
                    </a:cubicBezTo>
                    <a:cubicBezTo>
                      <a:pt x="240970" y="159803"/>
                      <a:pt x="255813" y="82619"/>
                      <a:pt x="238350" y="11372"/>
                    </a:cubicBezTo>
                    <a:cubicBezTo>
                      <a:pt x="233461" y="-8536"/>
                      <a:pt x="202727" y="-153"/>
                      <a:pt x="207616" y="19928"/>
                    </a:cubicBezTo>
                    <a:cubicBezTo>
                      <a:pt x="235032" y="132736"/>
                      <a:pt x="141608" y="265277"/>
                      <a:pt x="28102" y="172551"/>
                    </a:cubicBezTo>
                    <a:cubicBezTo>
                      <a:pt x="12211" y="159628"/>
                      <a:pt x="-10491" y="181980"/>
                      <a:pt x="5400" y="195077"/>
                    </a:cubicBezTo>
                    <a:lnTo>
                      <a:pt x="5400" y="19507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0" name="Google Shape;1120;p20"/>
              <p:cNvSpPr/>
              <p:nvPr/>
            </p:nvSpPr>
            <p:spPr>
              <a:xfrm>
                <a:off x="1444396" y="3073335"/>
                <a:ext cx="936082" cy="721591"/>
              </a:xfrm>
              <a:custGeom>
                <a:avLst/>
                <a:gdLst/>
                <a:ahLst/>
                <a:cxnLst/>
                <a:rect l="l" t="t" r="r" b="b"/>
                <a:pathLst>
                  <a:path w="936082" h="721591" extrusionOk="0">
                    <a:moveTo>
                      <a:pt x="31185" y="213058"/>
                    </a:moveTo>
                    <a:cubicBezTo>
                      <a:pt x="73095" y="-15177"/>
                      <a:pt x="381133" y="-26178"/>
                      <a:pt x="428107" y="205374"/>
                    </a:cubicBezTo>
                    <a:cubicBezTo>
                      <a:pt x="430028" y="214804"/>
                      <a:pt x="443474" y="220916"/>
                      <a:pt x="451507" y="214979"/>
                    </a:cubicBezTo>
                    <a:cubicBezTo>
                      <a:pt x="526771" y="157702"/>
                      <a:pt x="615829" y="120856"/>
                      <a:pt x="710127" y="149844"/>
                    </a:cubicBezTo>
                    <a:cubicBezTo>
                      <a:pt x="789931" y="174291"/>
                      <a:pt x="848255" y="246935"/>
                      <a:pt x="878989" y="321500"/>
                    </a:cubicBezTo>
                    <a:cubicBezTo>
                      <a:pt x="909549" y="395541"/>
                      <a:pt x="914788" y="483028"/>
                      <a:pt x="881609" y="556895"/>
                    </a:cubicBezTo>
                    <a:cubicBezTo>
                      <a:pt x="840572" y="648224"/>
                      <a:pt x="743480" y="684022"/>
                      <a:pt x="649707" y="689610"/>
                    </a:cubicBezTo>
                    <a:cubicBezTo>
                      <a:pt x="629276" y="690832"/>
                      <a:pt x="629101" y="722614"/>
                      <a:pt x="649707" y="721566"/>
                    </a:cubicBezTo>
                    <a:cubicBezTo>
                      <a:pt x="750989" y="715629"/>
                      <a:pt x="847208" y="679307"/>
                      <a:pt x="900992" y="588677"/>
                    </a:cubicBezTo>
                    <a:cubicBezTo>
                      <a:pt x="948316" y="508873"/>
                      <a:pt x="943077" y="406368"/>
                      <a:pt x="913041" y="321849"/>
                    </a:cubicBezTo>
                    <a:cubicBezTo>
                      <a:pt x="883180" y="237855"/>
                      <a:pt x="819792" y="158575"/>
                      <a:pt x="735448" y="125396"/>
                    </a:cubicBezTo>
                    <a:cubicBezTo>
                      <a:pt x="629450" y="83835"/>
                      <a:pt x="522405" y="121554"/>
                      <a:pt x="435442" y="187563"/>
                    </a:cubicBezTo>
                    <a:cubicBezTo>
                      <a:pt x="443300" y="190706"/>
                      <a:pt x="450983" y="193849"/>
                      <a:pt x="458841" y="197167"/>
                    </a:cubicBezTo>
                    <a:cubicBezTo>
                      <a:pt x="435616" y="82788"/>
                      <a:pt x="351622" y="1412"/>
                      <a:pt x="232353" y="15"/>
                    </a:cubicBezTo>
                    <a:cubicBezTo>
                      <a:pt x="113084" y="-1382"/>
                      <a:pt x="20882" y="92392"/>
                      <a:pt x="276" y="204851"/>
                    </a:cubicBezTo>
                    <a:cubicBezTo>
                      <a:pt x="-3217" y="224583"/>
                      <a:pt x="27518" y="233315"/>
                      <a:pt x="31185" y="213058"/>
                    </a:cubicBezTo>
                    <a:lnTo>
                      <a:pt x="31185" y="213058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1" name="Google Shape;1121;p20"/>
              <p:cNvSpPr/>
              <p:nvPr/>
            </p:nvSpPr>
            <p:spPr>
              <a:xfrm>
                <a:off x="2040767" y="3372531"/>
                <a:ext cx="97716" cy="201476"/>
              </a:xfrm>
              <a:custGeom>
                <a:avLst/>
                <a:gdLst/>
                <a:ahLst/>
                <a:cxnLst/>
                <a:rect l="l" t="t" r="r" b="b"/>
                <a:pathLst>
                  <a:path w="97716" h="201476" extrusionOk="0">
                    <a:moveTo>
                      <a:pt x="7234" y="30337"/>
                    </a:moveTo>
                    <a:cubicBezTo>
                      <a:pt x="53510" y="61246"/>
                      <a:pt x="89483" y="122539"/>
                      <a:pt x="49843" y="173355"/>
                    </a:cubicBezTo>
                    <a:cubicBezTo>
                      <a:pt x="37445" y="189421"/>
                      <a:pt x="59797" y="212122"/>
                      <a:pt x="72370" y="195882"/>
                    </a:cubicBezTo>
                    <a:cubicBezTo>
                      <a:pt x="125281" y="127953"/>
                      <a:pt x="88784" y="46577"/>
                      <a:pt x="23300" y="2746"/>
                    </a:cubicBezTo>
                    <a:cubicBezTo>
                      <a:pt x="6187" y="-8779"/>
                      <a:pt x="-9704" y="18986"/>
                      <a:pt x="7234" y="30337"/>
                    </a:cubicBezTo>
                    <a:lnTo>
                      <a:pt x="7234" y="3033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2" name="Google Shape;1122;p20"/>
              <p:cNvSpPr/>
              <p:nvPr/>
            </p:nvSpPr>
            <p:spPr>
              <a:xfrm>
                <a:off x="1276234" y="2683609"/>
                <a:ext cx="681445" cy="201037"/>
              </a:xfrm>
              <a:custGeom>
                <a:avLst/>
                <a:gdLst/>
                <a:ahLst/>
                <a:cxnLst/>
                <a:rect l="l" t="t" r="r" b="b"/>
                <a:pathLst>
                  <a:path w="681445" h="201037" extrusionOk="0">
                    <a:moveTo>
                      <a:pt x="29786" y="132868"/>
                    </a:moveTo>
                    <a:cubicBezTo>
                      <a:pt x="70648" y="64590"/>
                      <a:pt x="127227" y="15695"/>
                      <a:pt x="209999" y="41015"/>
                    </a:cubicBezTo>
                    <a:cubicBezTo>
                      <a:pt x="275134" y="61097"/>
                      <a:pt x="325601" y="124311"/>
                      <a:pt x="361224" y="178620"/>
                    </a:cubicBezTo>
                    <a:cubicBezTo>
                      <a:pt x="368209" y="189272"/>
                      <a:pt x="381481" y="188399"/>
                      <a:pt x="388815" y="178620"/>
                    </a:cubicBezTo>
                    <a:cubicBezTo>
                      <a:pt x="454299" y="90260"/>
                      <a:pt x="630671" y="29839"/>
                      <a:pt x="649356" y="185779"/>
                    </a:cubicBezTo>
                    <a:cubicBezTo>
                      <a:pt x="651800" y="206036"/>
                      <a:pt x="683757" y="206211"/>
                      <a:pt x="681312" y="185779"/>
                    </a:cubicBezTo>
                    <a:cubicBezTo>
                      <a:pt x="658785" y="-3339"/>
                      <a:pt x="448013" y="45556"/>
                      <a:pt x="361399" y="162380"/>
                    </a:cubicBezTo>
                    <a:cubicBezTo>
                      <a:pt x="370479" y="162380"/>
                      <a:pt x="379735" y="162380"/>
                      <a:pt x="388990" y="162380"/>
                    </a:cubicBezTo>
                    <a:cubicBezTo>
                      <a:pt x="342015" y="90783"/>
                      <a:pt x="279325" y="22330"/>
                      <a:pt x="192711" y="3296"/>
                    </a:cubicBezTo>
                    <a:cubicBezTo>
                      <a:pt x="107145" y="-15563"/>
                      <a:pt x="42533" y="49747"/>
                      <a:pt x="2544" y="116628"/>
                    </a:cubicBezTo>
                    <a:cubicBezTo>
                      <a:pt x="-8457" y="134614"/>
                      <a:pt x="19134" y="150505"/>
                      <a:pt x="29786" y="132868"/>
                    </a:cubicBezTo>
                    <a:lnTo>
                      <a:pt x="29786" y="132868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3" name="Google Shape;1123;p20"/>
              <p:cNvSpPr/>
              <p:nvPr/>
            </p:nvSpPr>
            <p:spPr>
              <a:xfrm>
                <a:off x="1512358" y="2459662"/>
                <a:ext cx="223992" cy="81615"/>
              </a:xfrm>
              <a:custGeom>
                <a:avLst/>
                <a:gdLst/>
                <a:ahLst/>
                <a:cxnLst/>
                <a:rect l="l" t="t" r="r" b="b"/>
                <a:pathLst>
                  <a:path w="223992" h="81615" extrusionOk="0">
                    <a:moveTo>
                      <a:pt x="27834" y="69905"/>
                    </a:moveTo>
                    <a:cubicBezTo>
                      <a:pt x="79872" y="26424"/>
                      <a:pt x="151294" y="9485"/>
                      <a:pt x="193728" y="74271"/>
                    </a:cubicBezTo>
                    <a:cubicBezTo>
                      <a:pt x="204904" y="91384"/>
                      <a:pt x="232669" y="75493"/>
                      <a:pt x="221319" y="58205"/>
                    </a:cubicBezTo>
                    <a:cubicBezTo>
                      <a:pt x="166661" y="-25091"/>
                      <a:pt x="74110" y="-10073"/>
                      <a:pt x="5308" y="47379"/>
                    </a:cubicBezTo>
                    <a:cubicBezTo>
                      <a:pt x="-10409" y="60476"/>
                      <a:pt x="12292" y="83002"/>
                      <a:pt x="27834" y="69905"/>
                    </a:cubicBezTo>
                    <a:lnTo>
                      <a:pt x="27834" y="69905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4" name="Google Shape;1124;p20"/>
              <p:cNvSpPr/>
              <p:nvPr/>
            </p:nvSpPr>
            <p:spPr>
              <a:xfrm>
                <a:off x="326340" y="2606049"/>
                <a:ext cx="477304" cy="515465"/>
              </a:xfrm>
              <a:custGeom>
                <a:avLst/>
                <a:gdLst/>
                <a:ahLst/>
                <a:cxnLst/>
                <a:rect l="l" t="t" r="r" b="b"/>
                <a:pathLst>
                  <a:path w="477304" h="515465" extrusionOk="0">
                    <a:moveTo>
                      <a:pt x="49277" y="496114"/>
                    </a:moveTo>
                    <a:cubicBezTo>
                      <a:pt x="-18477" y="310837"/>
                      <a:pt x="125414" y="133942"/>
                      <a:pt x="319946" y="210253"/>
                    </a:cubicBezTo>
                    <a:cubicBezTo>
                      <a:pt x="330598" y="214444"/>
                      <a:pt x="344045" y="201522"/>
                      <a:pt x="339504" y="190695"/>
                    </a:cubicBezTo>
                    <a:cubicBezTo>
                      <a:pt x="305627" y="109495"/>
                      <a:pt x="363079" y="12927"/>
                      <a:pt x="457376" y="34580"/>
                    </a:cubicBezTo>
                    <a:cubicBezTo>
                      <a:pt x="477458" y="39121"/>
                      <a:pt x="485840" y="8387"/>
                      <a:pt x="465933" y="3846"/>
                    </a:cubicBezTo>
                    <a:cubicBezTo>
                      <a:pt x="350855" y="-22697"/>
                      <a:pt x="264590" y="93080"/>
                      <a:pt x="308770" y="199077"/>
                    </a:cubicBezTo>
                    <a:cubicBezTo>
                      <a:pt x="315406" y="192441"/>
                      <a:pt x="321867" y="185980"/>
                      <a:pt x="328328" y="179519"/>
                    </a:cubicBezTo>
                    <a:cubicBezTo>
                      <a:pt x="112142" y="94651"/>
                      <a:pt x="-57419" y="297042"/>
                      <a:pt x="18369" y="504671"/>
                    </a:cubicBezTo>
                    <a:cubicBezTo>
                      <a:pt x="25528" y="523705"/>
                      <a:pt x="56437" y="515498"/>
                      <a:pt x="49277" y="496114"/>
                    </a:cubicBezTo>
                    <a:lnTo>
                      <a:pt x="49277" y="496114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5" name="Google Shape;1125;p20"/>
              <p:cNvSpPr/>
              <p:nvPr/>
            </p:nvSpPr>
            <p:spPr>
              <a:xfrm>
                <a:off x="695702" y="2906938"/>
                <a:ext cx="222322" cy="230106"/>
              </a:xfrm>
              <a:custGeom>
                <a:avLst/>
                <a:gdLst/>
                <a:ahLst/>
                <a:cxnLst/>
                <a:rect l="l" t="t" r="r" b="b"/>
                <a:pathLst>
                  <a:path w="222322" h="230106" extrusionOk="0">
                    <a:moveTo>
                      <a:pt x="31959" y="214783"/>
                    </a:moveTo>
                    <a:cubicBezTo>
                      <a:pt x="33705" y="107040"/>
                      <a:pt x="93776" y="27934"/>
                      <a:pt x="206934" y="32125"/>
                    </a:cubicBezTo>
                    <a:cubicBezTo>
                      <a:pt x="227539" y="32824"/>
                      <a:pt x="227365" y="1042"/>
                      <a:pt x="206934" y="169"/>
                    </a:cubicBezTo>
                    <a:cubicBezTo>
                      <a:pt x="76314" y="-4546"/>
                      <a:pt x="2098" y="89926"/>
                      <a:pt x="3" y="214783"/>
                    </a:cubicBezTo>
                    <a:cubicBezTo>
                      <a:pt x="-346" y="235214"/>
                      <a:pt x="31610" y="235214"/>
                      <a:pt x="31959" y="214783"/>
                    </a:cubicBezTo>
                    <a:lnTo>
                      <a:pt x="31959" y="214783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6" name="Google Shape;1126;p20"/>
              <p:cNvSpPr/>
              <p:nvPr/>
            </p:nvSpPr>
            <p:spPr>
              <a:xfrm>
                <a:off x="568098" y="3273785"/>
                <a:ext cx="304130" cy="804256"/>
              </a:xfrm>
              <a:custGeom>
                <a:avLst/>
                <a:gdLst/>
                <a:ahLst/>
                <a:cxnLst/>
                <a:rect l="l" t="t" r="r" b="b"/>
                <a:pathLst>
                  <a:path w="304130" h="804256" extrusionOk="0">
                    <a:moveTo>
                      <a:pt x="288786" y="34"/>
                    </a:moveTo>
                    <a:cubicBezTo>
                      <a:pt x="193440" y="5797"/>
                      <a:pt x="117653" y="60978"/>
                      <a:pt x="87443" y="151609"/>
                    </a:cubicBezTo>
                    <a:cubicBezTo>
                      <a:pt x="57407" y="241192"/>
                      <a:pt x="145942" y="309295"/>
                      <a:pt x="201124" y="363429"/>
                    </a:cubicBezTo>
                    <a:cubicBezTo>
                      <a:pt x="204966" y="354349"/>
                      <a:pt x="208633" y="345268"/>
                      <a:pt x="212475" y="336188"/>
                    </a:cubicBezTo>
                    <a:cubicBezTo>
                      <a:pt x="-18031" y="360111"/>
                      <a:pt x="-71990" y="672166"/>
                      <a:pt x="105080" y="801214"/>
                    </a:cubicBezTo>
                    <a:cubicBezTo>
                      <a:pt x="121670" y="813438"/>
                      <a:pt x="137560" y="785673"/>
                      <a:pt x="121146" y="773624"/>
                    </a:cubicBezTo>
                    <a:cubicBezTo>
                      <a:pt x="-29556" y="663784"/>
                      <a:pt x="14100" y="388575"/>
                      <a:pt x="212475" y="367969"/>
                    </a:cubicBezTo>
                    <a:cubicBezTo>
                      <a:pt x="225571" y="366572"/>
                      <a:pt x="234477" y="351380"/>
                      <a:pt x="223825" y="340728"/>
                    </a:cubicBezTo>
                    <a:cubicBezTo>
                      <a:pt x="184709" y="302310"/>
                      <a:pt x="136338" y="265988"/>
                      <a:pt x="117653" y="212553"/>
                    </a:cubicBezTo>
                    <a:cubicBezTo>
                      <a:pt x="83427" y="114065"/>
                      <a:pt x="208633" y="36706"/>
                      <a:pt x="288960" y="31816"/>
                    </a:cubicBezTo>
                    <a:cubicBezTo>
                      <a:pt x="309217" y="30594"/>
                      <a:pt x="309217" y="-1188"/>
                      <a:pt x="288786" y="34"/>
                    </a:cubicBezTo>
                    <a:lnTo>
                      <a:pt x="288786" y="34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27" name="Google Shape;1127;p20"/>
              <p:cNvSpPr/>
              <p:nvPr/>
            </p:nvSpPr>
            <p:spPr>
              <a:xfrm>
                <a:off x="299494" y="3717343"/>
                <a:ext cx="92065" cy="314134"/>
              </a:xfrm>
              <a:custGeom>
                <a:avLst/>
                <a:gdLst/>
                <a:ahLst/>
                <a:cxnLst/>
                <a:rect l="l" t="t" r="r" b="b"/>
                <a:pathLst>
                  <a:path w="92065" h="314134" extrusionOk="0">
                    <a:moveTo>
                      <a:pt x="46961" y="7533"/>
                    </a:moveTo>
                    <a:cubicBezTo>
                      <a:pt x="-15031" y="106196"/>
                      <a:pt x="-22016" y="223719"/>
                      <a:pt x="64773" y="309460"/>
                    </a:cubicBezTo>
                    <a:cubicBezTo>
                      <a:pt x="79441" y="323954"/>
                      <a:pt x="101968" y="301427"/>
                      <a:pt x="87299" y="286933"/>
                    </a:cubicBezTo>
                    <a:cubicBezTo>
                      <a:pt x="10290" y="210797"/>
                      <a:pt x="20243" y="110038"/>
                      <a:pt x="74552" y="23598"/>
                    </a:cubicBezTo>
                    <a:cubicBezTo>
                      <a:pt x="85553" y="6136"/>
                      <a:pt x="57962" y="-9929"/>
                      <a:pt x="46961" y="7533"/>
                    </a:cubicBezTo>
                    <a:lnTo>
                      <a:pt x="46961" y="7533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</p:grpSp>
      <p:grpSp>
        <p:nvGrpSpPr>
          <p:cNvPr id="1128" name="Google Shape;1128;p20"/>
          <p:cNvGrpSpPr/>
          <p:nvPr/>
        </p:nvGrpSpPr>
        <p:grpSpPr>
          <a:xfrm>
            <a:off x="1392577" y="5382937"/>
            <a:ext cx="1484014" cy="1429613"/>
            <a:chOff x="2651548" y="5448024"/>
            <a:chExt cx="1484014" cy="1429613"/>
          </a:xfrm>
        </p:grpSpPr>
        <p:sp>
          <p:nvSpPr>
            <p:cNvPr id="1129" name="Google Shape;1129;p20"/>
            <p:cNvSpPr/>
            <p:nvPr/>
          </p:nvSpPr>
          <p:spPr>
            <a:xfrm>
              <a:off x="3734725" y="5448024"/>
              <a:ext cx="400837" cy="596339"/>
            </a:xfrm>
            <a:custGeom>
              <a:avLst/>
              <a:gdLst/>
              <a:ahLst/>
              <a:cxnLst/>
              <a:rect l="l" t="t" r="r" b="b"/>
              <a:pathLst>
                <a:path w="400837" h="596339" extrusionOk="0">
                  <a:moveTo>
                    <a:pt x="22109" y="564557"/>
                  </a:moveTo>
                  <a:cubicBezTo>
                    <a:pt x="63104" y="435356"/>
                    <a:pt x="40994" y="296712"/>
                    <a:pt x="97650" y="167510"/>
                  </a:cubicBezTo>
                  <a:cubicBezTo>
                    <a:pt x="138644" y="72855"/>
                    <a:pt x="239518" y="-68783"/>
                    <a:pt x="343386" y="38309"/>
                  </a:cubicBezTo>
                  <a:cubicBezTo>
                    <a:pt x="412708" y="107631"/>
                    <a:pt x="412708" y="221172"/>
                    <a:pt x="378162" y="303161"/>
                  </a:cubicBezTo>
                  <a:cubicBezTo>
                    <a:pt x="340392" y="394592"/>
                    <a:pt x="245736" y="495466"/>
                    <a:pt x="160753" y="545903"/>
                  </a:cubicBezTo>
                  <a:cubicBezTo>
                    <a:pt x="110316" y="577455"/>
                    <a:pt x="44219" y="574230"/>
                    <a:pt x="0" y="596340"/>
                  </a:cubicBezTo>
                </a:path>
              </a:pathLst>
            </a:custGeom>
            <a:solidFill>
              <a:srgbClr val="EDF4C3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0" name="Google Shape;1130;p20"/>
            <p:cNvSpPr/>
            <p:nvPr/>
          </p:nvSpPr>
          <p:spPr>
            <a:xfrm>
              <a:off x="3484903" y="5645912"/>
              <a:ext cx="216606" cy="448427"/>
            </a:xfrm>
            <a:custGeom>
              <a:avLst/>
              <a:gdLst/>
              <a:ahLst/>
              <a:cxnLst/>
              <a:rect l="l" t="t" r="r" b="b"/>
              <a:pathLst>
                <a:path w="216606" h="448427" extrusionOk="0">
                  <a:moveTo>
                    <a:pt x="16753" y="442209"/>
                  </a:moveTo>
                  <a:cubicBezTo>
                    <a:pt x="1092" y="325674"/>
                    <a:pt x="-43127" y="23053"/>
                    <a:pt x="130293" y="943"/>
                  </a:cubicBezTo>
                  <a:cubicBezTo>
                    <a:pt x="262719" y="-14948"/>
                    <a:pt x="212282" y="174363"/>
                    <a:pt x="177506" y="237237"/>
                  </a:cubicBezTo>
                  <a:cubicBezTo>
                    <a:pt x="155397" y="281455"/>
                    <a:pt x="130293" y="331892"/>
                    <a:pt x="101735" y="369663"/>
                  </a:cubicBezTo>
                  <a:cubicBezTo>
                    <a:pt x="76632" y="401214"/>
                    <a:pt x="41856" y="420099"/>
                    <a:pt x="19747" y="448427"/>
                  </a:cubicBezTo>
                  <a:lnTo>
                    <a:pt x="19747" y="448427"/>
                  </a:lnTo>
                </a:path>
              </a:pathLst>
            </a:custGeom>
            <a:solidFill>
              <a:srgbClr val="EDF4C3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1" name="Google Shape;1131;p20"/>
            <p:cNvSpPr/>
            <p:nvPr/>
          </p:nvSpPr>
          <p:spPr>
            <a:xfrm>
              <a:off x="3473328" y="6120338"/>
              <a:ext cx="560208" cy="314958"/>
            </a:xfrm>
            <a:custGeom>
              <a:avLst/>
              <a:gdLst/>
              <a:ahLst/>
              <a:cxnLst/>
              <a:rect l="l" t="t" r="r" b="b"/>
              <a:pathLst>
                <a:path w="560208" h="314958" extrusionOk="0">
                  <a:moveTo>
                    <a:pt x="0" y="163313"/>
                  </a:moveTo>
                  <a:cubicBezTo>
                    <a:pt x="129201" y="286296"/>
                    <a:pt x="346840" y="390164"/>
                    <a:pt x="497921" y="242077"/>
                  </a:cubicBezTo>
                  <a:cubicBezTo>
                    <a:pt x="570467" y="172755"/>
                    <a:pt x="598795" y="37336"/>
                    <a:pt x="475811" y="5784"/>
                  </a:cubicBezTo>
                  <a:cubicBezTo>
                    <a:pt x="378162" y="-19550"/>
                    <a:pt x="286731" y="43554"/>
                    <a:pt x="207966" y="93991"/>
                  </a:cubicBezTo>
                  <a:cubicBezTo>
                    <a:pt x="144862" y="131761"/>
                    <a:pt x="84983" y="169531"/>
                    <a:pt x="9443" y="163313"/>
                  </a:cubicBezTo>
                </a:path>
              </a:pathLst>
            </a:custGeom>
            <a:solidFill>
              <a:srgbClr val="EDF4C3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2" name="Google Shape;1132;p20"/>
            <p:cNvSpPr/>
            <p:nvPr/>
          </p:nvSpPr>
          <p:spPr>
            <a:xfrm>
              <a:off x="2842432" y="5942815"/>
              <a:ext cx="287500" cy="381829"/>
            </a:xfrm>
            <a:custGeom>
              <a:avLst/>
              <a:gdLst/>
              <a:ahLst/>
              <a:cxnLst/>
              <a:rect l="l" t="t" r="r" b="b"/>
              <a:pathLst>
                <a:path w="287500" h="381829" extrusionOk="0">
                  <a:moveTo>
                    <a:pt x="12986" y="381830"/>
                  </a:moveTo>
                  <a:cubicBezTo>
                    <a:pt x="-28008" y="249404"/>
                    <a:pt x="25653" y="-12223"/>
                    <a:pt x="208285" y="444"/>
                  </a:cubicBezTo>
                  <a:cubicBezTo>
                    <a:pt x="365815" y="13111"/>
                    <a:pt x="249280" y="202192"/>
                    <a:pt x="192625" y="255853"/>
                  </a:cubicBezTo>
                  <a:cubicBezTo>
                    <a:pt x="145412" y="300071"/>
                    <a:pt x="47532" y="325175"/>
                    <a:pt x="16211" y="378836"/>
                  </a:cubicBezTo>
                </a:path>
              </a:pathLst>
            </a:custGeom>
            <a:solidFill>
              <a:srgbClr val="EDF4C3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3" name="Google Shape;1133;p20"/>
            <p:cNvSpPr/>
            <p:nvPr/>
          </p:nvSpPr>
          <p:spPr>
            <a:xfrm>
              <a:off x="2651548" y="5595325"/>
              <a:ext cx="1347585" cy="1282312"/>
            </a:xfrm>
            <a:custGeom>
              <a:avLst/>
              <a:gdLst/>
              <a:ahLst/>
              <a:cxnLst/>
              <a:rect l="l" t="t" r="r" b="b"/>
              <a:pathLst>
                <a:path w="1347585" h="1282312" extrusionOk="0">
                  <a:moveTo>
                    <a:pt x="42195" y="1262017"/>
                  </a:moveTo>
                  <a:cubicBezTo>
                    <a:pt x="39201" y="1054742"/>
                    <a:pt x="157117" y="859673"/>
                    <a:pt x="338598" y="761102"/>
                  </a:cubicBezTo>
                  <a:cubicBezTo>
                    <a:pt x="489679" y="678883"/>
                    <a:pt x="671851" y="656082"/>
                    <a:pt x="832604" y="596664"/>
                  </a:cubicBezTo>
                  <a:cubicBezTo>
                    <a:pt x="954436" y="551754"/>
                    <a:pt x="1067746" y="487499"/>
                    <a:pt x="1158486" y="393764"/>
                  </a:cubicBezTo>
                  <a:cubicBezTo>
                    <a:pt x="1258669" y="290127"/>
                    <a:pt x="1301967" y="159083"/>
                    <a:pt x="1346416" y="25736"/>
                  </a:cubicBezTo>
                  <a:cubicBezTo>
                    <a:pt x="1354937" y="-58"/>
                    <a:pt x="1314403" y="-11113"/>
                    <a:pt x="1305882" y="14681"/>
                  </a:cubicBezTo>
                  <a:cubicBezTo>
                    <a:pt x="1254063" y="170138"/>
                    <a:pt x="1200172" y="307169"/>
                    <a:pt x="1072813" y="416795"/>
                  </a:cubicBezTo>
                  <a:cubicBezTo>
                    <a:pt x="954436" y="518820"/>
                    <a:pt x="797597" y="569257"/>
                    <a:pt x="649971" y="611403"/>
                  </a:cubicBezTo>
                  <a:cubicBezTo>
                    <a:pt x="496818" y="654931"/>
                    <a:pt x="339059" y="692701"/>
                    <a:pt x="213082" y="794726"/>
                  </a:cubicBezTo>
                  <a:cubicBezTo>
                    <a:pt x="76741" y="905503"/>
                    <a:pt x="-2254" y="1088366"/>
                    <a:pt x="49" y="1262017"/>
                  </a:cubicBezTo>
                  <a:cubicBezTo>
                    <a:pt x="510" y="1288962"/>
                    <a:pt x="42656" y="1289193"/>
                    <a:pt x="42195" y="1262017"/>
                  </a:cubicBezTo>
                  <a:lnTo>
                    <a:pt x="42195" y="1262017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4" name="Google Shape;1134;p20"/>
            <p:cNvSpPr/>
            <p:nvPr/>
          </p:nvSpPr>
          <p:spPr>
            <a:xfrm>
              <a:off x="3477800" y="5796462"/>
              <a:ext cx="129996" cy="375553"/>
            </a:xfrm>
            <a:custGeom>
              <a:avLst/>
              <a:gdLst/>
              <a:ahLst/>
              <a:cxnLst/>
              <a:rect l="l" t="t" r="r" b="b"/>
              <a:pathLst>
                <a:path w="129996" h="375553" extrusionOk="0">
                  <a:moveTo>
                    <a:pt x="40898" y="360291"/>
                  </a:moveTo>
                  <a:cubicBezTo>
                    <a:pt x="61165" y="246520"/>
                    <a:pt x="97783" y="137125"/>
                    <a:pt x="129105" y="26117"/>
                  </a:cubicBezTo>
                  <a:cubicBezTo>
                    <a:pt x="136475" y="-138"/>
                    <a:pt x="95941" y="-11192"/>
                    <a:pt x="88571" y="14832"/>
                  </a:cubicBezTo>
                  <a:cubicBezTo>
                    <a:pt x="57250" y="125840"/>
                    <a:pt x="20631" y="235235"/>
                    <a:pt x="364" y="349006"/>
                  </a:cubicBezTo>
                  <a:cubicBezTo>
                    <a:pt x="-4242" y="375721"/>
                    <a:pt x="36292" y="387006"/>
                    <a:pt x="40898" y="360291"/>
                  </a:cubicBezTo>
                  <a:lnTo>
                    <a:pt x="40898" y="360291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5" name="Google Shape;1135;p20"/>
            <p:cNvSpPr/>
            <p:nvPr/>
          </p:nvSpPr>
          <p:spPr>
            <a:xfrm>
              <a:off x="3340381" y="6185574"/>
              <a:ext cx="607160" cy="145197"/>
            </a:xfrm>
            <a:custGeom>
              <a:avLst/>
              <a:gdLst/>
              <a:ahLst/>
              <a:cxnLst/>
              <a:rect l="l" t="t" r="r" b="b"/>
              <a:pathLst>
                <a:path w="607160" h="145197" extrusionOk="0">
                  <a:moveTo>
                    <a:pt x="8813" y="40500"/>
                  </a:moveTo>
                  <a:cubicBezTo>
                    <a:pt x="168414" y="163023"/>
                    <a:pt x="427048" y="183750"/>
                    <a:pt x="597474" y="72052"/>
                  </a:cubicBezTo>
                  <a:cubicBezTo>
                    <a:pt x="620044" y="57312"/>
                    <a:pt x="599086" y="20694"/>
                    <a:pt x="576286" y="35664"/>
                  </a:cubicBezTo>
                  <a:cubicBezTo>
                    <a:pt x="417144" y="139992"/>
                    <a:pt x="178778" y="118113"/>
                    <a:pt x="30231" y="4112"/>
                  </a:cubicBezTo>
                  <a:cubicBezTo>
                    <a:pt x="8582" y="-12240"/>
                    <a:pt x="-12376" y="24379"/>
                    <a:pt x="8813" y="40500"/>
                  </a:cubicBezTo>
                  <a:lnTo>
                    <a:pt x="8813" y="40500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6" name="Google Shape;1136;p20"/>
            <p:cNvSpPr/>
            <p:nvPr/>
          </p:nvSpPr>
          <p:spPr>
            <a:xfrm>
              <a:off x="2846810" y="6074267"/>
              <a:ext cx="169221" cy="349438"/>
            </a:xfrm>
            <a:custGeom>
              <a:avLst/>
              <a:gdLst/>
              <a:ahLst/>
              <a:cxnLst/>
              <a:rect l="l" t="t" r="r" b="b"/>
              <a:pathLst>
                <a:path w="169221" h="349438" extrusionOk="0">
                  <a:moveTo>
                    <a:pt x="42233" y="329143"/>
                  </a:moveTo>
                  <a:cubicBezTo>
                    <a:pt x="38317" y="215372"/>
                    <a:pt x="74015" y="110122"/>
                    <a:pt x="162222" y="35042"/>
                  </a:cubicBezTo>
                  <a:cubicBezTo>
                    <a:pt x="182949" y="17539"/>
                    <a:pt x="153010" y="-12170"/>
                    <a:pt x="132512" y="5333"/>
                  </a:cubicBezTo>
                  <a:cubicBezTo>
                    <a:pt x="36705" y="86861"/>
                    <a:pt x="-4059" y="205238"/>
                    <a:pt x="317" y="329143"/>
                  </a:cubicBezTo>
                  <a:cubicBezTo>
                    <a:pt x="1238" y="356088"/>
                    <a:pt x="43154" y="356319"/>
                    <a:pt x="42233" y="329143"/>
                  </a:cubicBezTo>
                  <a:lnTo>
                    <a:pt x="42233" y="329143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grpSp>
        <p:nvGrpSpPr>
          <p:cNvPr id="1137" name="Google Shape;1137;p20"/>
          <p:cNvGrpSpPr/>
          <p:nvPr/>
        </p:nvGrpSpPr>
        <p:grpSpPr>
          <a:xfrm>
            <a:off x="9806836" y="5549127"/>
            <a:ext cx="1630724" cy="1255169"/>
            <a:chOff x="7982733" y="5589867"/>
            <a:chExt cx="1630724" cy="1255169"/>
          </a:xfrm>
        </p:grpSpPr>
        <p:sp>
          <p:nvSpPr>
            <p:cNvPr id="1138" name="Google Shape;1138;p20"/>
            <p:cNvSpPr/>
            <p:nvPr/>
          </p:nvSpPr>
          <p:spPr>
            <a:xfrm>
              <a:off x="7982733" y="5589867"/>
              <a:ext cx="1598486" cy="1219662"/>
            </a:xfrm>
            <a:custGeom>
              <a:avLst/>
              <a:gdLst/>
              <a:ahLst/>
              <a:cxnLst/>
              <a:rect l="l" t="t" r="r" b="b"/>
              <a:pathLst>
                <a:path w="1598486" h="1219662" extrusionOk="0">
                  <a:moveTo>
                    <a:pt x="1598487" y="1219663"/>
                  </a:moveTo>
                  <a:cubicBezTo>
                    <a:pt x="1346147" y="1206221"/>
                    <a:pt x="981079" y="1226974"/>
                    <a:pt x="768595" y="1212352"/>
                  </a:cubicBezTo>
                  <a:cubicBezTo>
                    <a:pt x="703977" y="1211409"/>
                    <a:pt x="425224" y="1188062"/>
                    <a:pt x="449515" y="1085711"/>
                  </a:cubicBezTo>
                  <a:cubicBezTo>
                    <a:pt x="459891" y="1026988"/>
                    <a:pt x="663414" y="1003641"/>
                    <a:pt x="709165" y="993029"/>
                  </a:cubicBezTo>
                  <a:cubicBezTo>
                    <a:pt x="598560" y="898224"/>
                    <a:pt x="316977" y="931712"/>
                    <a:pt x="197175" y="831248"/>
                  </a:cubicBezTo>
                  <a:cubicBezTo>
                    <a:pt x="8038" y="674420"/>
                    <a:pt x="366738" y="695173"/>
                    <a:pt x="471683" y="662628"/>
                  </a:cubicBezTo>
                  <a:cubicBezTo>
                    <a:pt x="321694" y="536930"/>
                    <a:pt x="54261" y="390243"/>
                    <a:pt x="5679" y="216671"/>
                  </a:cubicBezTo>
                  <a:cubicBezTo>
                    <a:pt x="-53514" y="-2653"/>
                    <a:pt x="366030" y="245206"/>
                    <a:pt x="519557" y="386234"/>
                  </a:cubicBezTo>
                  <a:cubicBezTo>
                    <a:pt x="499983" y="302278"/>
                    <a:pt x="275471" y="-39207"/>
                    <a:pt x="470504" y="3715"/>
                  </a:cubicBezTo>
                  <a:cubicBezTo>
                    <a:pt x="629690" y="30835"/>
                    <a:pt x="743597" y="277751"/>
                    <a:pt x="854909" y="444720"/>
                  </a:cubicBezTo>
                  <a:cubicBezTo>
                    <a:pt x="874012" y="319729"/>
                    <a:pt x="842410" y="-91090"/>
                    <a:pt x="1007493" y="167854"/>
                  </a:cubicBezTo>
                  <a:cubicBezTo>
                    <a:pt x="1091213" y="285062"/>
                    <a:pt x="1121871" y="382460"/>
                    <a:pt x="1185781" y="552259"/>
                  </a:cubicBezTo>
                  <a:cubicBezTo>
                    <a:pt x="1251343" y="488820"/>
                    <a:pt x="1273747" y="274449"/>
                    <a:pt x="1389540" y="392129"/>
                  </a:cubicBezTo>
                  <a:cubicBezTo>
                    <a:pt x="1443781" y="451795"/>
                    <a:pt x="1472317" y="678193"/>
                    <a:pt x="1482694" y="756254"/>
                  </a:cubicBezTo>
                  <a:cubicBezTo>
                    <a:pt x="1508635" y="902941"/>
                    <a:pt x="1543538" y="1087833"/>
                    <a:pt x="1598487" y="1219663"/>
                  </a:cubicBezTo>
                </a:path>
              </a:pathLst>
            </a:custGeom>
            <a:solidFill>
              <a:srgbClr val="CFD690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39" name="Google Shape;1139;p20"/>
            <p:cNvSpPr/>
            <p:nvPr/>
          </p:nvSpPr>
          <p:spPr>
            <a:xfrm>
              <a:off x="8178631" y="5864164"/>
              <a:ext cx="1434826" cy="980872"/>
            </a:xfrm>
            <a:custGeom>
              <a:avLst/>
              <a:gdLst/>
              <a:ahLst/>
              <a:cxnLst/>
              <a:rect l="l" t="t" r="r" b="b"/>
              <a:pathLst>
                <a:path w="1434826" h="980872" extrusionOk="0">
                  <a:moveTo>
                    <a:pt x="1424757" y="940177"/>
                  </a:moveTo>
                  <a:cubicBezTo>
                    <a:pt x="950028" y="643501"/>
                    <a:pt x="518691" y="281499"/>
                    <a:pt x="32171" y="2982"/>
                  </a:cubicBezTo>
                  <a:cubicBezTo>
                    <a:pt x="8116" y="-10696"/>
                    <a:pt x="-13581" y="26329"/>
                    <a:pt x="10474" y="40244"/>
                  </a:cubicBezTo>
                  <a:cubicBezTo>
                    <a:pt x="496995" y="318761"/>
                    <a:pt x="928331" y="680762"/>
                    <a:pt x="1403061" y="977439"/>
                  </a:cubicBezTo>
                  <a:cubicBezTo>
                    <a:pt x="1426644" y="992296"/>
                    <a:pt x="1448104" y="955035"/>
                    <a:pt x="1424757" y="940177"/>
                  </a:cubicBezTo>
                  <a:lnTo>
                    <a:pt x="1424757" y="940177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40" name="Google Shape;1140;p20"/>
            <p:cNvSpPr/>
            <p:nvPr/>
          </p:nvSpPr>
          <p:spPr>
            <a:xfrm>
              <a:off x="8349663" y="5784809"/>
              <a:ext cx="528127" cy="613347"/>
            </a:xfrm>
            <a:custGeom>
              <a:avLst/>
              <a:gdLst/>
              <a:ahLst/>
              <a:cxnLst/>
              <a:rect l="l" t="t" r="r" b="b"/>
              <a:pathLst>
                <a:path w="528127" h="613347" extrusionOk="0">
                  <a:moveTo>
                    <a:pt x="26692" y="612488"/>
                  </a:moveTo>
                  <a:cubicBezTo>
                    <a:pt x="183049" y="570038"/>
                    <a:pt x="344830" y="560133"/>
                    <a:pt x="506138" y="556360"/>
                  </a:cubicBezTo>
                  <a:cubicBezTo>
                    <a:pt x="518873" y="556124"/>
                    <a:pt x="532316" y="542681"/>
                    <a:pt x="526892" y="529003"/>
                  </a:cubicBezTo>
                  <a:cubicBezTo>
                    <a:pt x="451897" y="343168"/>
                    <a:pt x="317001" y="179736"/>
                    <a:pt x="211820" y="10173"/>
                  </a:cubicBezTo>
                  <a:cubicBezTo>
                    <a:pt x="197199" y="-13410"/>
                    <a:pt x="159937" y="8287"/>
                    <a:pt x="174559" y="31870"/>
                  </a:cubicBezTo>
                  <a:cubicBezTo>
                    <a:pt x="277382" y="197895"/>
                    <a:pt x="411806" y="358497"/>
                    <a:pt x="485385" y="540559"/>
                  </a:cubicBezTo>
                  <a:cubicBezTo>
                    <a:pt x="492224" y="531361"/>
                    <a:pt x="499299" y="522400"/>
                    <a:pt x="506138" y="513202"/>
                  </a:cubicBezTo>
                  <a:cubicBezTo>
                    <a:pt x="341056" y="517212"/>
                    <a:pt x="175266" y="527588"/>
                    <a:pt x="15373" y="570981"/>
                  </a:cubicBezTo>
                  <a:cubicBezTo>
                    <a:pt x="-11512" y="578292"/>
                    <a:pt x="-192" y="619798"/>
                    <a:pt x="26692" y="612488"/>
                  </a:cubicBezTo>
                  <a:lnTo>
                    <a:pt x="26692" y="612488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41" name="Google Shape;1141;p20"/>
            <p:cNvSpPr/>
            <p:nvPr/>
          </p:nvSpPr>
          <p:spPr>
            <a:xfrm>
              <a:off x="8710163" y="5950838"/>
              <a:ext cx="396569" cy="579954"/>
            </a:xfrm>
            <a:custGeom>
              <a:avLst/>
              <a:gdLst/>
              <a:ahLst/>
              <a:cxnLst/>
              <a:rect l="l" t="t" r="r" b="b"/>
              <a:pathLst>
                <a:path w="396569" h="579954" extrusionOk="0">
                  <a:moveTo>
                    <a:pt x="27015" y="579467"/>
                  </a:moveTo>
                  <a:cubicBezTo>
                    <a:pt x="143752" y="555884"/>
                    <a:pt x="263319" y="561780"/>
                    <a:pt x="380763" y="545036"/>
                  </a:cubicBezTo>
                  <a:cubicBezTo>
                    <a:pt x="389960" y="543856"/>
                    <a:pt x="396800" y="533008"/>
                    <a:pt x="396564" y="524282"/>
                  </a:cubicBezTo>
                  <a:cubicBezTo>
                    <a:pt x="391611" y="350003"/>
                    <a:pt x="318975" y="183034"/>
                    <a:pt x="278412" y="15358"/>
                  </a:cubicBezTo>
                  <a:cubicBezTo>
                    <a:pt x="271809" y="-11527"/>
                    <a:pt x="230302" y="-207"/>
                    <a:pt x="236906" y="26913"/>
                  </a:cubicBezTo>
                  <a:cubicBezTo>
                    <a:pt x="267800" y="153791"/>
                    <a:pt x="310721" y="277602"/>
                    <a:pt x="339021" y="405187"/>
                  </a:cubicBezTo>
                  <a:cubicBezTo>
                    <a:pt x="346096" y="436789"/>
                    <a:pt x="350105" y="468862"/>
                    <a:pt x="352935" y="501171"/>
                  </a:cubicBezTo>
                  <a:cubicBezTo>
                    <a:pt x="353878" y="512255"/>
                    <a:pt x="225821" y="516028"/>
                    <a:pt x="213794" y="516500"/>
                  </a:cubicBezTo>
                  <a:cubicBezTo>
                    <a:pt x="146818" y="519566"/>
                    <a:pt x="81257" y="524754"/>
                    <a:pt x="15460" y="538197"/>
                  </a:cubicBezTo>
                  <a:cubicBezTo>
                    <a:pt x="-11661" y="543385"/>
                    <a:pt x="-105" y="584891"/>
                    <a:pt x="27015" y="579467"/>
                  </a:cubicBezTo>
                  <a:lnTo>
                    <a:pt x="27015" y="579467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sp>
          <p:nvSpPr>
            <p:cNvPr id="1142" name="Google Shape;1142;p20"/>
            <p:cNvSpPr/>
            <p:nvPr/>
          </p:nvSpPr>
          <p:spPr>
            <a:xfrm>
              <a:off x="8916292" y="6173899"/>
              <a:ext cx="458094" cy="550259"/>
            </a:xfrm>
            <a:custGeom>
              <a:avLst/>
              <a:gdLst/>
              <a:ahLst/>
              <a:cxnLst/>
              <a:rect l="l" t="t" r="r" b="b"/>
              <a:pathLst>
                <a:path w="458094" h="550259" extrusionOk="0">
                  <a:moveTo>
                    <a:pt x="20871" y="550260"/>
                  </a:moveTo>
                  <a:cubicBezTo>
                    <a:pt x="159540" y="550260"/>
                    <a:pt x="298209" y="548609"/>
                    <a:pt x="436878" y="541534"/>
                  </a:cubicBezTo>
                  <a:cubicBezTo>
                    <a:pt x="451736" y="540826"/>
                    <a:pt x="460226" y="528327"/>
                    <a:pt x="457632" y="514177"/>
                  </a:cubicBezTo>
                  <a:cubicBezTo>
                    <a:pt x="427209" y="349095"/>
                    <a:pt x="412116" y="181891"/>
                    <a:pt x="389476" y="15629"/>
                  </a:cubicBezTo>
                  <a:cubicBezTo>
                    <a:pt x="385703" y="-11727"/>
                    <a:pt x="344196" y="-172"/>
                    <a:pt x="347970" y="27185"/>
                  </a:cubicBezTo>
                  <a:cubicBezTo>
                    <a:pt x="370610" y="193446"/>
                    <a:pt x="385703" y="360651"/>
                    <a:pt x="416125" y="525733"/>
                  </a:cubicBezTo>
                  <a:cubicBezTo>
                    <a:pt x="422964" y="516536"/>
                    <a:pt x="430039" y="507574"/>
                    <a:pt x="436878" y="498377"/>
                  </a:cubicBezTo>
                  <a:cubicBezTo>
                    <a:pt x="298209" y="505452"/>
                    <a:pt x="159540" y="507102"/>
                    <a:pt x="20871" y="507102"/>
                  </a:cubicBezTo>
                  <a:cubicBezTo>
                    <a:pt x="-6957" y="507102"/>
                    <a:pt x="-6957" y="550260"/>
                    <a:pt x="20871" y="550260"/>
                  </a:cubicBezTo>
                  <a:lnTo>
                    <a:pt x="20871" y="550260"/>
                  </a:lnTo>
                  <a:close/>
                </a:path>
              </a:pathLst>
            </a:custGeom>
            <a:solidFill>
              <a:srgbClr val="0E514A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</p:grpSp>
      <p:pic>
        <p:nvPicPr>
          <p:cNvPr id="1143" name="Google Shape;1143;p20"/>
          <p:cNvPicPr preferRelativeResize="0"/>
          <p:nvPr/>
        </p:nvPicPr>
        <p:blipFill rotWithShape="1">
          <a:blip r:embed="rId5">
            <a:alphaModFix/>
          </a:blip>
          <a:srcRect/>
          <a:stretch/>
        </p:blipFill>
        <p:spPr>
          <a:xfrm rot="-4582180">
            <a:off x="9948945" y="-4980"/>
            <a:ext cx="2294946" cy="1762785"/>
          </a:xfrm>
          <a:prstGeom prst="rect">
            <a:avLst/>
          </a:prstGeom>
          <a:noFill/>
          <a:ln>
            <a:noFill/>
          </a:ln>
        </p:spPr>
      </p:pic>
      <p:pic>
        <p:nvPicPr>
          <p:cNvPr id="1144" name="Google Shape;1144;p20"/>
          <p:cNvPicPr preferRelativeResize="0"/>
          <p:nvPr/>
        </p:nvPicPr>
        <p:blipFill rotWithShape="1">
          <a:blip r:embed="rId6">
            <a:alphaModFix/>
          </a:blip>
          <a:srcRect/>
          <a:stretch/>
        </p:blipFill>
        <p:spPr>
          <a:xfrm rot="-9204172">
            <a:off x="11461035" y="553889"/>
            <a:ext cx="1009110" cy="1698258"/>
          </a:xfrm>
          <a:prstGeom prst="rect">
            <a:avLst/>
          </a:prstGeom>
          <a:noFill/>
          <a:ln>
            <a:noFill/>
          </a:ln>
        </p:spPr>
      </p:pic>
      <p:pic>
        <p:nvPicPr>
          <p:cNvPr id="1145" name="Google Shape;1145;p20"/>
          <p:cNvPicPr preferRelativeResize="0"/>
          <p:nvPr/>
        </p:nvPicPr>
        <p:blipFill rotWithShape="1">
          <a:blip r:embed="rId7">
            <a:alphaModFix/>
          </a:blip>
          <a:srcRect/>
          <a:stretch/>
        </p:blipFill>
        <p:spPr>
          <a:xfrm>
            <a:off x="4510328" y="422573"/>
            <a:ext cx="1460633" cy="684352"/>
          </a:xfrm>
          <a:prstGeom prst="rect">
            <a:avLst/>
          </a:prstGeom>
          <a:noFill/>
          <a:ln>
            <a:noFill/>
          </a:ln>
        </p:spPr>
      </p:pic>
      <p:pic>
        <p:nvPicPr>
          <p:cNvPr id="1146" name="Google Shape;1146;p20"/>
          <p:cNvPicPr preferRelativeResize="0"/>
          <p:nvPr/>
        </p:nvPicPr>
        <p:blipFill rotWithShape="1">
          <a:blip r:embed="rId8">
            <a:alphaModFix/>
          </a:blip>
          <a:srcRect/>
          <a:stretch/>
        </p:blipFill>
        <p:spPr>
          <a:xfrm>
            <a:off x="3888961" y="108767"/>
            <a:ext cx="1000125" cy="1085850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1147" name="Google Shape;1147;p20"/>
          <p:cNvGrpSpPr/>
          <p:nvPr/>
        </p:nvGrpSpPr>
        <p:grpSpPr>
          <a:xfrm flipH="1">
            <a:off x="8750627" y="1655354"/>
            <a:ext cx="2110039" cy="1246123"/>
            <a:chOff x="1910854" y="856083"/>
            <a:chExt cx="2428670" cy="1434296"/>
          </a:xfrm>
        </p:grpSpPr>
        <p:grpSp>
          <p:nvGrpSpPr>
            <p:cNvPr id="1148" name="Google Shape;1148;p20"/>
            <p:cNvGrpSpPr/>
            <p:nvPr/>
          </p:nvGrpSpPr>
          <p:grpSpPr>
            <a:xfrm>
              <a:off x="2714422" y="856083"/>
              <a:ext cx="1625102" cy="888291"/>
              <a:chOff x="-2757327" y="585888"/>
              <a:chExt cx="1625102" cy="888291"/>
            </a:xfrm>
          </p:grpSpPr>
          <p:sp>
            <p:nvSpPr>
              <p:cNvPr id="1149" name="Google Shape;1149;p20"/>
              <p:cNvSpPr/>
              <p:nvPr/>
            </p:nvSpPr>
            <p:spPr>
              <a:xfrm>
                <a:off x="-2746889" y="592219"/>
                <a:ext cx="1609688" cy="881960"/>
              </a:xfrm>
              <a:custGeom>
                <a:avLst/>
                <a:gdLst/>
                <a:ahLst/>
                <a:cxnLst/>
                <a:rect l="l" t="t" r="r" b="b"/>
                <a:pathLst>
                  <a:path w="1609688" h="881960" extrusionOk="0">
                    <a:moveTo>
                      <a:pt x="818901" y="135"/>
                    </a:moveTo>
                    <a:cubicBezTo>
                      <a:pt x="1283531" y="-6152"/>
                      <a:pt x="1495105" y="208018"/>
                      <a:pt x="1590522" y="423760"/>
                    </a:cubicBezTo>
                    <a:lnTo>
                      <a:pt x="1609688" y="474206"/>
                    </a:lnTo>
                    <a:lnTo>
                      <a:pt x="1118407" y="474206"/>
                    </a:lnTo>
                    <a:lnTo>
                      <a:pt x="1086795" y="430876"/>
                    </a:lnTo>
                    <a:cubicBezTo>
                      <a:pt x="1038083" y="382611"/>
                      <a:pt x="970587" y="349846"/>
                      <a:pt x="877194" y="348274"/>
                    </a:cubicBezTo>
                    <a:cubicBezTo>
                      <a:pt x="393800" y="340178"/>
                      <a:pt x="494194" y="875673"/>
                      <a:pt x="491051" y="881960"/>
                    </a:cubicBezTo>
                    <a:lnTo>
                      <a:pt x="4514" y="869387"/>
                    </a:lnTo>
                    <a:cubicBezTo>
                      <a:pt x="4514" y="869387"/>
                      <a:pt x="-110358" y="12708"/>
                      <a:pt x="818901" y="135"/>
                    </a:cubicBezTo>
                    <a:close/>
                  </a:path>
                </a:pathLst>
              </a:custGeom>
              <a:solidFill>
                <a:srgbClr val="FFDB69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50" name="Google Shape;1150;p20"/>
              <p:cNvSpPr/>
              <p:nvPr/>
            </p:nvSpPr>
            <p:spPr>
              <a:xfrm>
                <a:off x="-2746889" y="592128"/>
                <a:ext cx="1614664" cy="877195"/>
              </a:xfrm>
              <a:custGeom>
                <a:avLst/>
                <a:gdLst/>
                <a:ahLst/>
                <a:cxnLst/>
                <a:rect l="l" t="t" r="r" b="b"/>
                <a:pathLst>
                  <a:path w="1614664" h="877195" extrusionOk="0">
                    <a:moveTo>
                      <a:pt x="818900" y="133"/>
                    </a:moveTo>
                    <a:cubicBezTo>
                      <a:pt x="1283530" y="-6106"/>
                      <a:pt x="1495104" y="208087"/>
                      <a:pt x="1590533" y="423841"/>
                    </a:cubicBezTo>
                    <a:lnTo>
                      <a:pt x="1614664" y="487349"/>
                    </a:lnTo>
                    <a:lnTo>
                      <a:pt x="1250947" y="487349"/>
                    </a:lnTo>
                    <a:lnTo>
                      <a:pt x="1248918" y="483122"/>
                    </a:lnTo>
                    <a:cubicBezTo>
                      <a:pt x="1227023" y="445689"/>
                      <a:pt x="1195567" y="407517"/>
                      <a:pt x="1142560" y="360464"/>
                    </a:cubicBezTo>
                    <a:cubicBezTo>
                      <a:pt x="1028545" y="259308"/>
                      <a:pt x="885766" y="249212"/>
                      <a:pt x="803470" y="255594"/>
                    </a:cubicBezTo>
                    <a:cubicBezTo>
                      <a:pt x="688027" y="264547"/>
                      <a:pt x="556677" y="306933"/>
                      <a:pt x="473333" y="385229"/>
                    </a:cubicBezTo>
                    <a:cubicBezTo>
                      <a:pt x="344269" y="506387"/>
                      <a:pt x="334459" y="700506"/>
                      <a:pt x="347984" y="877195"/>
                    </a:cubicBezTo>
                    <a:lnTo>
                      <a:pt x="4513" y="869385"/>
                    </a:lnTo>
                    <a:cubicBezTo>
                      <a:pt x="4513" y="869385"/>
                      <a:pt x="-110359" y="12706"/>
                      <a:pt x="818900" y="133"/>
                    </a:cubicBezTo>
                    <a:close/>
                  </a:path>
                </a:pathLst>
              </a:custGeom>
              <a:solidFill>
                <a:srgbClr val="BFC462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ctr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AFE2DB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51" name="Google Shape;1151;p20"/>
              <p:cNvSpPr/>
              <p:nvPr/>
            </p:nvSpPr>
            <p:spPr>
              <a:xfrm>
                <a:off x="-2746889" y="592127"/>
                <a:ext cx="1614649" cy="874433"/>
              </a:xfrm>
              <a:custGeom>
                <a:avLst/>
                <a:gdLst/>
                <a:ahLst/>
                <a:cxnLst/>
                <a:rect l="l" t="t" r="r" b="b"/>
                <a:pathLst>
                  <a:path w="1614649" h="874433" extrusionOk="0">
                    <a:moveTo>
                      <a:pt x="818901" y="133"/>
                    </a:moveTo>
                    <a:cubicBezTo>
                      <a:pt x="1283531" y="-6106"/>
                      <a:pt x="1495105" y="208088"/>
                      <a:pt x="1590522" y="423841"/>
                    </a:cubicBezTo>
                    <a:lnTo>
                      <a:pt x="1614649" y="487349"/>
                    </a:lnTo>
                    <a:lnTo>
                      <a:pt x="1377954" y="487349"/>
                    </a:lnTo>
                    <a:lnTo>
                      <a:pt x="1309344" y="393992"/>
                    </a:lnTo>
                    <a:cubicBezTo>
                      <a:pt x="1143418" y="203587"/>
                      <a:pt x="879480" y="122434"/>
                      <a:pt x="634402" y="178822"/>
                    </a:cubicBezTo>
                    <a:cubicBezTo>
                      <a:pt x="487336" y="212636"/>
                      <a:pt x="371607" y="304171"/>
                      <a:pt x="296836" y="434187"/>
                    </a:cubicBezTo>
                    <a:cubicBezTo>
                      <a:pt x="220445" y="567156"/>
                      <a:pt x="201014" y="723176"/>
                      <a:pt x="198347" y="874433"/>
                    </a:cubicBezTo>
                    <a:lnTo>
                      <a:pt x="4514" y="869385"/>
                    </a:lnTo>
                    <a:cubicBezTo>
                      <a:pt x="4514" y="869385"/>
                      <a:pt x="-110358" y="12706"/>
                      <a:pt x="818901" y="133"/>
                    </a:cubicBezTo>
                    <a:close/>
                  </a:path>
                </a:pathLst>
              </a:custGeom>
              <a:solidFill>
                <a:srgbClr val="67BAB4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52" name="Google Shape;1152;p20"/>
              <p:cNvSpPr/>
              <p:nvPr/>
            </p:nvSpPr>
            <p:spPr>
              <a:xfrm>
                <a:off x="-2757327" y="585888"/>
                <a:ext cx="1620126" cy="872433"/>
              </a:xfrm>
              <a:custGeom>
                <a:avLst/>
                <a:gdLst/>
                <a:ahLst/>
                <a:cxnLst/>
                <a:rect l="l" t="t" r="r" b="b"/>
                <a:pathLst>
                  <a:path w="1620126" h="872433" extrusionOk="0">
                    <a:moveTo>
                      <a:pt x="818901" y="133"/>
                    </a:moveTo>
                    <a:cubicBezTo>
                      <a:pt x="1283531" y="-6106"/>
                      <a:pt x="1495105" y="208088"/>
                      <a:pt x="1590522" y="423853"/>
                    </a:cubicBezTo>
                    <a:lnTo>
                      <a:pt x="1620126" y="501781"/>
                    </a:lnTo>
                    <a:lnTo>
                      <a:pt x="1501006" y="501781"/>
                    </a:lnTo>
                    <a:lnTo>
                      <a:pt x="1497571" y="493281"/>
                    </a:lnTo>
                    <a:cubicBezTo>
                      <a:pt x="1479121" y="455583"/>
                      <a:pt x="1457838" y="419186"/>
                      <a:pt x="1433454" y="384467"/>
                    </a:cubicBezTo>
                    <a:cubicBezTo>
                      <a:pt x="1295056" y="187490"/>
                      <a:pt x="1067885" y="85477"/>
                      <a:pt x="830807" y="81667"/>
                    </a:cubicBezTo>
                    <a:cubicBezTo>
                      <a:pt x="647070" y="78619"/>
                      <a:pt x="442949" y="127387"/>
                      <a:pt x="308552" y="259594"/>
                    </a:cubicBezTo>
                    <a:cubicBezTo>
                      <a:pt x="145007" y="420757"/>
                      <a:pt x="134339" y="656691"/>
                      <a:pt x="124052" y="872433"/>
                    </a:cubicBezTo>
                    <a:lnTo>
                      <a:pt x="4514" y="869385"/>
                    </a:lnTo>
                    <a:cubicBezTo>
                      <a:pt x="4514" y="869385"/>
                      <a:pt x="-110358" y="12706"/>
                      <a:pt x="818901" y="133"/>
                    </a:cubicBezTo>
                    <a:close/>
                  </a:path>
                </a:pathLst>
              </a:custGeom>
              <a:solidFill>
                <a:srgbClr val="FF8888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  <p:pic>
          <p:nvPicPr>
            <p:cNvPr id="1153" name="Google Shape;1153;p20"/>
            <p:cNvPicPr preferRelativeResize="0"/>
            <p:nvPr/>
          </p:nvPicPr>
          <p:blipFill rotWithShape="1">
            <a:blip r:embed="rId7">
              <a:alphaModFix/>
            </a:blip>
            <a:srcRect/>
            <a:stretch/>
          </p:blipFill>
          <p:spPr>
            <a:xfrm>
              <a:off x="1910854" y="1395295"/>
              <a:ext cx="1910403" cy="895084"/>
            </a:xfrm>
            <a:prstGeom prst="rect">
              <a:avLst/>
            </a:prstGeom>
            <a:noFill/>
            <a:ln>
              <a:noFill/>
            </a:ln>
          </p:spPr>
        </p:pic>
      </p:grpSp>
      <p:pic>
        <p:nvPicPr>
          <p:cNvPr id="1154" name="Google Shape;1154;p20"/>
          <p:cNvPicPr preferRelativeResize="0"/>
          <p:nvPr/>
        </p:nvPicPr>
        <p:blipFill rotWithShape="1">
          <a:blip r:embed="rId9">
            <a:alphaModFix/>
          </a:blip>
          <a:srcRect/>
          <a:stretch/>
        </p:blipFill>
        <p:spPr>
          <a:xfrm>
            <a:off x="9327537" y="2778918"/>
            <a:ext cx="2377235" cy="3795907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1155" name="Google Shape;1155;p20"/>
          <p:cNvGrpSpPr/>
          <p:nvPr/>
        </p:nvGrpSpPr>
        <p:grpSpPr>
          <a:xfrm>
            <a:off x="2822241" y="2713976"/>
            <a:ext cx="2282800" cy="2364202"/>
            <a:chOff x="-3455884" y="-1080558"/>
            <a:chExt cx="3500346" cy="3625164"/>
          </a:xfrm>
        </p:grpSpPr>
        <p:sp>
          <p:nvSpPr>
            <p:cNvPr id="1156" name="Google Shape;1156;p20"/>
            <p:cNvSpPr/>
            <p:nvPr/>
          </p:nvSpPr>
          <p:spPr>
            <a:xfrm rot="4565549">
              <a:off x="-3219385" y="-696198"/>
              <a:ext cx="3027349" cy="2856443"/>
            </a:xfrm>
            <a:custGeom>
              <a:avLst/>
              <a:gdLst/>
              <a:ahLst/>
              <a:cxnLst/>
              <a:rect l="l" t="t" r="r" b="b"/>
              <a:pathLst>
                <a:path w="2613113" h="2465592" extrusionOk="0">
                  <a:moveTo>
                    <a:pt x="841518" y="2039175"/>
                  </a:moveTo>
                  <a:cubicBezTo>
                    <a:pt x="604726" y="2161413"/>
                    <a:pt x="261064" y="2161413"/>
                    <a:pt x="85391" y="1932305"/>
                  </a:cubicBezTo>
                  <a:cubicBezTo>
                    <a:pt x="-159084" y="1619202"/>
                    <a:pt x="169386" y="1283049"/>
                    <a:pt x="467296" y="1183687"/>
                  </a:cubicBezTo>
                  <a:cubicBezTo>
                    <a:pt x="367935" y="1076642"/>
                    <a:pt x="230505" y="1030890"/>
                    <a:pt x="169386" y="878093"/>
                  </a:cubicBezTo>
                  <a:cubicBezTo>
                    <a:pt x="115951" y="740663"/>
                    <a:pt x="108267" y="549623"/>
                    <a:pt x="199945" y="427386"/>
                  </a:cubicBezTo>
                  <a:cubicBezTo>
                    <a:pt x="444421" y="129475"/>
                    <a:pt x="780399" y="244029"/>
                    <a:pt x="1032558" y="435069"/>
                  </a:cubicBezTo>
                  <a:cubicBezTo>
                    <a:pt x="1116552" y="68357"/>
                    <a:pt x="1567260" y="-99633"/>
                    <a:pt x="1895729" y="60848"/>
                  </a:cubicBezTo>
                  <a:cubicBezTo>
                    <a:pt x="2216516" y="221328"/>
                    <a:pt x="2208832" y="572674"/>
                    <a:pt x="2048526" y="840025"/>
                  </a:cubicBezTo>
                  <a:cubicBezTo>
                    <a:pt x="2315877" y="870584"/>
                    <a:pt x="2667223" y="954579"/>
                    <a:pt x="2606104" y="1313783"/>
                  </a:cubicBezTo>
                  <a:cubicBezTo>
                    <a:pt x="2537302" y="1672812"/>
                    <a:pt x="2224199" y="1756806"/>
                    <a:pt x="1910922" y="1756806"/>
                  </a:cubicBezTo>
                  <a:cubicBezTo>
                    <a:pt x="1918605" y="1955355"/>
                    <a:pt x="1956674" y="2077593"/>
                    <a:pt x="1880362" y="2222706"/>
                  </a:cubicBezTo>
                  <a:cubicBezTo>
                    <a:pt x="1811560" y="2352453"/>
                    <a:pt x="1658938" y="2444131"/>
                    <a:pt x="1521333" y="2459498"/>
                  </a:cubicBezTo>
                  <a:cubicBezTo>
                    <a:pt x="1246299" y="2505424"/>
                    <a:pt x="978948" y="2283825"/>
                    <a:pt x="864394" y="2062226"/>
                  </a:cubicBezTo>
                </a:path>
              </a:pathLst>
            </a:custGeom>
            <a:solidFill>
              <a:srgbClr val="459B97"/>
            </a:solidFill>
            <a:ln>
              <a:noFill/>
            </a:ln>
          </p:spPr>
          <p:txBody>
            <a:bodyPr spcFirstLastPara="1" wrap="square" lIns="91425" tIns="45700" rIns="91425" bIns="45700" anchor="ctr" anchorCtr="0">
              <a:noAutofit/>
            </a:bodyPr>
            <a:lstStyle/>
            <a:p>
              <a:pPr marL="0" marR="0" lvl="0" indent="0" algn="l" defTabSz="914400" rtl="0" eaLnBrk="1" fontAlgn="auto" latinLnBrk="0" hangingPunct="1">
                <a:lnSpc>
                  <a:spcPct val="100000"/>
                </a:lnSpc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  <a:buSzTx/>
                <a:buFont typeface="Arial"/>
                <a:buNone/>
                <a:tabLst/>
                <a:defRPr/>
              </a:pPr>
              <a:endParaRPr kumimoji="0" sz="1800" b="0" i="0" u="none" strike="noStrike" kern="0" cap="none" spc="0" normalizeH="0" baseline="0" noProof="0">
                <a:ln>
                  <a:noFill/>
                </a:ln>
                <a:solidFill>
                  <a:srgbClr val="767171"/>
                </a:solidFill>
                <a:effectLst/>
                <a:uLnTx/>
                <a:uFillTx/>
                <a:latin typeface="Calibri"/>
                <a:ea typeface="Calibri"/>
                <a:cs typeface="Calibri"/>
                <a:sym typeface="Calibri"/>
              </a:endParaRPr>
            </a:p>
          </p:txBody>
        </p:sp>
        <p:grpSp>
          <p:nvGrpSpPr>
            <p:cNvPr id="1157" name="Google Shape;1157;p20"/>
            <p:cNvGrpSpPr/>
            <p:nvPr/>
          </p:nvGrpSpPr>
          <p:grpSpPr>
            <a:xfrm rot="1862317">
              <a:off x="-2990368" y="-421759"/>
              <a:ext cx="2526247" cy="2305587"/>
              <a:chOff x="199901" y="2459662"/>
              <a:chExt cx="2180577" cy="1990110"/>
            </a:xfrm>
          </p:grpSpPr>
          <p:sp>
            <p:nvSpPr>
              <p:cNvPr id="1158" name="Google Shape;1158;p20"/>
              <p:cNvSpPr/>
              <p:nvPr/>
            </p:nvSpPr>
            <p:spPr>
              <a:xfrm>
                <a:off x="199901" y="3663758"/>
                <a:ext cx="15454" cy="15890"/>
              </a:xfrm>
              <a:custGeom>
                <a:avLst/>
                <a:gdLst/>
                <a:ahLst/>
                <a:cxnLst/>
                <a:rect l="l" t="t" r="r" b="b"/>
                <a:pathLst>
                  <a:path w="15454" h="15890" extrusionOk="0">
                    <a:moveTo>
                      <a:pt x="7727" y="15891"/>
                    </a:moveTo>
                    <a:cubicBezTo>
                      <a:pt x="18030" y="15891"/>
                      <a:pt x="18030" y="0"/>
                      <a:pt x="7727" y="0"/>
                    </a:cubicBezTo>
                    <a:cubicBezTo>
                      <a:pt x="-2576" y="0"/>
                      <a:pt x="-2576" y="15891"/>
                      <a:pt x="7727" y="15891"/>
                    </a:cubicBezTo>
                    <a:lnTo>
                      <a:pt x="7727" y="15891"/>
                    </a:lnTo>
                    <a:close/>
                  </a:path>
                </a:pathLst>
              </a:custGeom>
              <a:solidFill>
                <a:srgbClr val="724120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59" name="Google Shape;1159;p20"/>
              <p:cNvSpPr/>
              <p:nvPr/>
            </p:nvSpPr>
            <p:spPr>
              <a:xfrm>
                <a:off x="199901" y="3671441"/>
                <a:ext cx="15454" cy="15890"/>
              </a:xfrm>
              <a:custGeom>
                <a:avLst/>
                <a:gdLst/>
                <a:ahLst/>
                <a:cxnLst/>
                <a:rect l="l" t="t" r="r" b="b"/>
                <a:pathLst>
                  <a:path w="15454" h="15890" extrusionOk="0">
                    <a:moveTo>
                      <a:pt x="7727" y="15891"/>
                    </a:moveTo>
                    <a:cubicBezTo>
                      <a:pt x="18030" y="15891"/>
                      <a:pt x="18030" y="0"/>
                      <a:pt x="7727" y="0"/>
                    </a:cubicBezTo>
                    <a:cubicBezTo>
                      <a:pt x="-2576" y="0"/>
                      <a:pt x="-2576" y="15891"/>
                      <a:pt x="7727" y="15891"/>
                    </a:cubicBezTo>
                    <a:lnTo>
                      <a:pt x="7727" y="15891"/>
                    </a:lnTo>
                    <a:close/>
                  </a:path>
                </a:pathLst>
              </a:custGeom>
              <a:solidFill>
                <a:srgbClr val="724120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0" name="Google Shape;1160;p20"/>
              <p:cNvSpPr/>
              <p:nvPr/>
            </p:nvSpPr>
            <p:spPr>
              <a:xfrm>
                <a:off x="1162692" y="3602167"/>
                <a:ext cx="748162" cy="847605"/>
              </a:xfrm>
              <a:custGeom>
                <a:avLst/>
                <a:gdLst/>
                <a:ahLst/>
                <a:cxnLst/>
                <a:rect l="l" t="t" r="r" b="b"/>
                <a:pathLst>
                  <a:path w="748162" h="847605" extrusionOk="0">
                    <a:moveTo>
                      <a:pt x="3627" y="699497"/>
                    </a:moveTo>
                    <a:cubicBezTo>
                      <a:pt x="108053" y="834482"/>
                      <a:pt x="311491" y="912888"/>
                      <a:pt x="447350" y="776157"/>
                    </a:cubicBezTo>
                    <a:cubicBezTo>
                      <a:pt x="557364" y="665445"/>
                      <a:pt x="530297" y="464277"/>
                      <a:pt x="480878" y="332784"/>
                    </a:cubicBezTo>
                    <a:cubicBezTo>
                      <a:pt x="474417" y="339245"/>
                      <a:pt x="467781" y="345881"/>
                      <a:pt x="461320" y="352342"/>
                    </a:cubicBezTo>
                    <a:cubicBezTo>
                      <a:pt x="655677" y="394601"/>
                      <a:pt x="846892" y="165668"/>
                      <a:pt x="690777" y="4838"/>
                    </a:cubicBezTo>
                    <a:cubicBezTo>
                      <a:pt x="676458" y="-10005"/>
                      <a:pt x="653931" y="12696"/>
                      <a:pt x="668250" y="27365"/>
                    </a:cubicBezTo>
                    <a:cubicBezTo>
                      <a:pt x="801839" y="164969"/>
                      <a:pt x="632802" y="356882"/>
                      <a:pt x="469876" y="321608"/>
                    </a:cubicBezTo>
                    <a:cubicBezTo>
                      <a:pt x="459050" y="319163"/>
                      <a:pt x="445778" y="329117"/>
                      <a:pt x="450318" y="341166"/>
                    </a:cubicBezTo>
                    <a:cubicBezTo>
                      <a:pt x="494673" y="459911"/>
                      <a:pt x="514406" y="607295"/>
                      <a:pt x="448747" y="721849"/>
                    </a:cubicBezTo>
                    <a:cubicBezTo>
                      <a:pt x="348512" y="896823"/>
                      <a:pt x="121499" y="799906"/>
                      <a:pt x="26154" y="676970"/>
                    </a:cubicBezTo>
                    <a:cubicBezTo>
                      <a:pt x="13581" y="660730"/>
                      <a:pt x="-8771" y="683431"/>
                      <a:pt x="3627" y="699497"/>
                    </a:cubicBezTo>
                    <a:lnTo>
                      <a:pt x="3627" y="69949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1" name="Google Shape;1161;p20"/>
              <p:cNvSpPr/>
              <p:nvPr/>
            </p:nvSpPr>
            <p:spPr>
              <a:xfrm>
                <a:off x="1222038" y="3915720"/>
                <a:ext cx="245244" cy="237062"/>
              </a:xfrm>
              <a:custGeom>
                <a:avLst/>
                <a:gdLst/>
                <a:ahLst/>
                <a:cxnLst/>
                <a:rect l="l" t="t" r="r" b="b"/>
                <a:pathLst>
                  <a:path w="245244" h="237062" extrusionOk="0">
                    <a:moveTo>
                      <a:pt x="5400" y="195077"/>
                    </a:moveTo>
                    <a:cubicBezTo>
                      <a:pt x="57089" y="237337"/>
                      <a:pt x="127987" y="257069"/>
                      <a:pt x="183867" y="209047"/>
                    </a:cubicBezTo>
                    <a:cubicBezTo>
                      <a:pt x="240970" y="159803"/>
                      <a:pt x="255813" y="82619"/>
                      <a:pt x="238350" y="11372"/>
                    </a:cubicBezTo>
                    <a:cubicBezTo>
                      <a:pt x="233461" y="-8536"/>
                      <a:pt x="202727" y="-153"/>
                      <a:pt x="207616" y="19928"/>
                    </a:cubicBezTo>
                    <a:cubicBezTo>
                      <a:pt x="235032" y="132736"/>
                      <a:pt x="141608" y="265277"/>
                      <a:pt x="28102" y="172551"/>
                    </a:cubicBezTo>
                    <a:cubicBezTo>
                      <a:pt x="12211" y="159628"/>
                      <a:pt x="-10491" y="181980"/>
                      <a:pt x="5400" y="195077"/>
                    </a:cubicBezTo>
                    <a:lnTo>
                      <a:pt x="5400" y="19507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2" name="Google Shape;1162;p20"/>
              <p:cNvSpPr/>
              <p:nvPr/>
            </p:nvSpPr>
            <p:spPr>
              <a:xfrm>
                <a:off x="1444396" y="3073335"/>
                <a:ext cx="936082" cy="721591"/>
              </a:xfrm>
              <a:custGeom>
                <a:avLst/>
                <a:gdLst/>
                <a:ahLst/>
                <a:cxnLst/>
                <a:rect l="l" t="t" r="r" b="b"/>
                <a:pathLst>
                  <a:path w="936082" h="721591" extrusionOk="0">
                    <a:moveTo>
                      <a:pt x="31185" y="213058"/>
                    </a:moveTo>
                    <a:cubicBezTo>
                      <a:pt x="73095" y="-15177"/>
                      <a:pt x="381133" y="-26178"/>
                      <a:pt x="428107" y="205374"/>
                    </a:cubicBezTo>
                    <a:cubicBezTo>
                      <a:pt x="430028" y="214804"/>
                      <a:pt x="443474" y="220916"/>
                      <a:pt x="451507" y="214979"/>
                    </a:cubicBezTo>
                    <a:cubicBezTo>
                      <a:pt x="526771" y="157702"/>
                      <a:pt x="615829" y="120856"/>
                      <a:pt x="710127" y="149844"/>
                    </a:cubicBezTo>
                    <a:cubicBezTo>
                      <a:pt x="789931" y="174291"/>
                      <a:pt x="848255" y="246935"/>
                      <a:pt x="878989" y="321500"/>
                    </a:cubicBezTo>
                    <a:cubicBezTo>
                      <a:pt x="909549" y="395541"/>
                      <a:pt x="914788" y="483028"/>
                      <a:pt x="881609" y="556895"/>
                    </a:cubicBezTo>
                    <a:cubicBezTo>
                      <a:pt x="840572" y="648224"/>
                      <a:pt x="743480" y="684022"/>
                      <a:pt x="649707" y="689610"/>
                    </a:cubicBezTo>
                    <a:cubicBezTo>
                      <a:pt x="629276" y="690832"/>
                      <a:pt x="629101" y="722614"/>
                      <a:pt x="649707" y="721566"/>
                    </a:cubicBezTo>
                    <a:cubicBezTo>
                      <a:pt x="750989" y="715629"/>
                      <a:pt x="847208" y="679307"/>
                      <a:pt x="900992" y="588677"/>
                    </a:cubicBezTo>
                    <a:cubicBezTo>
                      <a:pt x="948316" y="508873"/>
                      <a:pt x="943077" y="406368"/>
                      <a:pt x="913041" y="321849"/>
                    </a:cubicBezTo>
                    <a:cubicBezTo>
                      <a:pt x="883180" y="237855"/>
                      <a:pt x="819792" y="158575"/>
                      <a:pt x="735448" y="125396"/>
                    </a:cubicBezTo>
                    <a:cubicBezTo>
                      <a:pt x="629450" y="83835"/>
                      <a:pt x="522405" y="121554"/>
                      <a:pt x="435442" y="187563"/>
                    </a:cubicBezTo>
                    <a:cubicBezTo>
                      <a:pt x="443300" y="190706"/>
                      <a:pt x="450983" y="193849"/>
                      <a:pt x="458841" y="197167"/>
                    </a:cubicBezTo>
                    <a:cubicBezTo>
                      <a:pt x="435616" y="82788"/>
                      <a:pt x="351622" y="1412"/>
                      <a:pt x="232353" y="15"/>
                    </a:cubicBezTo>
                    <a:cubicBezTo>
                      <a:pt x="113084" y="-1382"/>
                      <a:pt x="20882" y="92392"/>
                      <a:pt x="276" y="204851"/>
                    </a:cubicBezTo>
                    <a:cubicBezTo>
                      <a:pt x="-3217" y="224583"/>
                      <a:pt x="27518" y="233315"/>
                      <a:pt x="31185" y="213058"/>
                    </a:cubicBezTo>
                    <a:lnTo>
                      <a:pt x="31185" y="213058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3" name="Google Shape;1163;p20"/>
              <p:cNvSpPr/>
              <p:nvPr/>
            </p:nvSpPr>
            <p:spPr>
              <a:xfrm>
                <a:off x="2040767" y="3372531"/>
                <a:ext cx="97716" cy="201476"/>
              </a:xfrm>
              <a:custGeom>
                <a:avLst/>
                <a:gdLst/>
                <a:ahLst/>
                <a:cxnLst/>
                <a:rect l="l" t="t" r="r" b="b"/>
                <a:pathLst>
                  <a:path w="97716" h="201476" extrusionOk="0">
                    <a:moveTo>
                      <a:pt x="7234" y="30337"/>
                    </a:moveTo>
                    <a:cubicBezTo>
                      <a:pt x="53510" y="61246"/>
                      <a:pt x="89483" y="122539"/>
                      <a:pt x="49843" y="173355"/>
                    </a:cubicBezTo>
                    <a:cubicBezTo>
                      <a:pt x="37445" y="189421"/>
                      <a:pt x="59797" y="212122"/>
                      <a:pt x="72370" y="195882"/>
                    </a:cubicBezTo>
                    <a:cubicBezTo>
                      <a:pt x="125281" y="127953"/>
                      <a:pt x="88784" y="46577"/>
                      <a:pt x="23300" y="2746"/>
                    </a:cubicBezTo>
                    <a:cubicBezTo>
                      <a:pt x="6187" y="-8779"/>
                      <a:pt x="-9704" y="18986"/>
                      <a:pt x="7234" y="30337"/>
                    </a:cubicBezTo>
                    <a:lnTo>
                      <a:pt x="7234" y="30337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4" name="Google Shape;1164;p20"/>
              <p:cNvSpPr/>
              <p:nvPr/>
            </p:nvSpPr>
            <p:spPr>
              <a:xfrm>
                <a:off x="1276234" y="2683609"/>
                <a:ext cx="681445" cy="201037"/>
              </a:xfrm>
              <a:custGeom>
                <a:avLst/>
                <a:gdLst/>
                <a:ahLst/>
                <a:cxnLst/>
                <a:rect l="l" t="t" r="r" b="b"/>
                <a:pathLst>
                  <a:path w="681445" h="201037" extrusionOk="0">
                    <a:moveTo>
                      <a:pt x="29786" y="132868"/>
                    </a:moveTo>
                    <a:cubicBezTo>
                      <a:pt x="70648" y="64590"/>
                      <a:pt x="127227" y="15695"/>
                      <a:pt x="209999" y="41015"/>
                    </a:cubicBezTo>
                    <a:cubicBezTo>
                      <a:pt x="275134" y="61097"/>
                      <a:pt x="325601" y="124311"/>
                      <a:pt x="361224" y="178620"/>
                    </a:cubicBezTo>
                    <a:cubicBezTo>
                      <a:pt x="368209" y="189272"/>
                      <a:pt x="381481" y="188399"/>
                      <a:pt x="388815" y="178620"/>
                    </a:cubicBezTo>
                    <a:cubicBezTo>
                      <a:pt x="454299" y="90260"/>
                      <a:pt x="630671" y="29839"/>
                      <a:pt x="649356" y="185779"/>
                    </a:cubicBezTo>
                    <a:cubicBezTo>
                      <a:pt x="651800" y="206036"/>
                      <a:pt x="683757" y="206211"/>
                      <a:pt x="681312" y="185779"/>
                    </a:cubicBezTo>
                    <a:cubicBezTo>
                      <a:pt x="658785" y="-3339"/>
                      <a:pt x="448013" y="45556"/>
                      <a:pt x="361399" y="162380"/>
                    </a:cubicBezTo>
                    <a:cubicBezTo>
                      <a:pt x="370479" y="162380"/>
                      <a:pt x="379735" y="162380"/>
                      <a:pt x="388990" y="162380"/>
                    </a:cubicBezTo>
                    <a:cubicBezTo>
                      <a:pt x="342015" y="90783"/>
                      <a:pt x="279325" y="22330"/>
                      <a:pt x="192711" y="3296"/>
                    </a:cubicBezTo>
                    <a:cubicBezTo>
                      <a:pt x="107145" y="-15563"/>
                      <a:pt x="42533" y="49747"/>
                      <a:pt x="2544" y="116628"/>
                    </a:cubicBezTo>
                    <a:cubicBezTo>
                      <a:pt x="-8457" y="134614"/>
                      <a:pt x="19134" y="150505"/>
                      <a:pt x="29786" y="132868"/>
                    </a:cubicBezTo>
                    <a:lnTo>
                      <a:pt x="29786" y="132868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5" name="Google Shape;1165;p20"/>
              <p:cNvSpPr/>
              <p:nvPr/>
            </p:nvSpPr>
            <p:spPr>
              <a:xfrm>
                <a:off x="1512358" y="2459662"/>
                <a:ext cx="223992" cy="81615"/>
              </a:xfrm>
              <a:custGeom>
                <a:avLst/>
                <a:gdLst/>
                <a:ahLst/>
                <a:cxnLst/>
                <a:rect l="l" t="t" r="r" b="b"/>
                <a:pathLst>
                  <a:path w="223992" h="81615" extrusionOk="0">
                    <a:moveTo>
                      <a:pt x="27834" y="69905"/>
                    </a:moveTo>
                    <a:cubicBezTo>
                      <a:pt x="79872" y="26424"/>
                      <a:pt x="151294" y="9485"/>
                      <a:pt x="193728" y="74271"/>
                    </a:cubicBezTo>
                    <a:cubicBezTo>
                      <a:pt x="204904" y="91384"/>
                      <a:pt x="232669" y="75493"/>
                      <a:pt x="221319" y="58205"/>
                    </a:cubicBezTo>
                    <a:cubicBezTo>
                      <a:pt x="166661" y="-25091"/>
                      <a:pt x="74110" y="-10073"/>
                      <a:pt x="5308" y="47379"/>
                    </a:cubicBezTo>
                    <a:cubicBezTo>
                      <a:pt x="-10409" y="60476"/>
                      <a:pt x="12292" y="83002"/>
                      <a:pt x="27834" y="69905"/>
                    </a:cubicBezTo>
                    <a:lnTo>
                      <a:pt x="27834" y="69905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6" name="Google Shape;1166;p20"/>
              <p:cNvSpPr/>
              <p:nvPr/>
            </p:nvSpPr>
            <p:spPr>
              <a:xfrm>
                <a:off x="326340" y="2606049"/>
                <a:ext cx="477304" cy="515465"/>
              </a:xfrm>
              <a:custGeom>
                <a:avLst/>
                <a:gdLst/>
                <a:ahLst/>
                <a:cxnLst/>
                <a:rect l="l" t="t" r="r" b="b"/>
                <a:pathLst>
                  <a:path w="477304" h="515465" extrusionOk="0">
                    <a:moveTo>
                      <a:pt x="49277" y="496114"/>
                    </a:moveTo>
                    <a:cubicBezTo>
                      <a:pt x="-18477" y="310837"/>
                      <a:pt x="125414" y="133942"/>
                      <a:pt x="319946" y="210253"/>
                    </a:cubicBezTo>
                    <a:cubicBezTo>
                      <a:pt x="330598" y="214444"/>
                      <a:pt x="344045" y="201522"/>
                      <a:pt x="339504" y="190695"/>
                    </a:cubicBezTo>
                    <a:cubicBezTo>
                      <a:pt x="305627" y="109495"/>
                      <a:pt x="363079" y="12927"/>
                      <a:pt x="457376" y="34580"/>
                    </a:cubicBezTo>
                    <a:cubicBezTo>
                      <a:pt x="477458" y="39121"/>
                      <a:pt x="485840" y="8387"/>
                      <a:pt x="465933" y="3846"/>
                    </a:cubicBezTo>
                    <a:cubicBezTo>
                      <a:pt x="350855" y="-22697"/>
                      <a:pt x="264590" y="93080"/>
                      <a:pt x="308770" y="199077"/>
                    </a:cubicBezTo>
                    <a:cubicBezTo>
                      <a:pt x="315406" y="192441"/>
                      <a:pt x="321867" y="185980"/>
                      <a:pt x="328328" y="179519"/>
                    </a:cubicBezTo>
                    <a:cubicBezTo>
                      <a:pt x="112142" y="94651"/>
                      <a:pt x="-57419" y="297042"/>
                      <a:pt x="18369" y="504671"/>
                    </a:cubicBezTo>
                    <a:cubicBezTo>
                      <a:pt x="25528" y="523705"/>
                      <a:pt x="56437" y="515498"/>
                      <a:pt x="49277" y="496114"/>
                    </a:cubicBezTo>
                    <a:lnTo>
                      <a:pt x="49277" y="496114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7" name="Google Shape;1167;p20"/>
              <p:cNvSpPr/>
              <p:nvPr/>
            </p:nvSpPr>
            <p:spPr>
              <a:xfrm>
                <a:off x="695702" y="2906938"/>
                <a:ext cx="222322" cy="230106"/>
              </a:xfrm>
              <a:custGeom>
                <a:avLst/>
                <a:gdLst/>
                <a:ahLst/>
                <a:cxnLst/>
                <a:rect l="l" t="t" r="r" b="b"/>
                <a:pathLst>
                  <a:path w="222322" h="230106" extrusionOk="0">
                    <a:moveTo>
                      <a:pt x="31959" y="214783"/>
                    </a:moveTo>
                    <a:cubicBezTo>
                      <a:pt x="33705" y="107040"/>
                      <a:pt x="93776" y="27934"/>
                      <a:pt x="206934" y="32125"/>
                    </a:cubicBezTo>
                    <a:cubicBezTo>
                      <a:pt x="227539" y="32824"/>
                      <a:pt x="227365" y="1042"/>
                      <a:pt x="206934" y="169"/>
                    </a:cubicBezTo>
                    <a:cubicBezTo>
                      <a:pt x="76314" y="-4546"/>
                      <a:pt x="2098" y="89926"/>
                      <a:pt x="3" y="214783"/>
                    </a:cubicBezTo>
                    <a:cubicBezTo>
                      <a:pt x="-346" y="235214"/>
                      <a:pt x="31610" y="235214"/>
                      <a:pt x="31959" y="214783"/>
                    </a:cubicBezTo>
                    <a:lnTo>
                      <a:pt x="31959" y="214783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8" name="Google Shape;1168;p20"/>
              <p:cNvSpPr/>
              <p:nvPr/>
            </p:nvSpPr>
            <p:spPr>
              <a:xfrm>
                <a:off x="568098" y="3273785"/>
                <a:ext cx="304130" cy="804256"/>
              </a:xfrm>
              <a:custGeom>
                <a:avLst/>
                <a:gdLst/>
                <a:ahLst/>
                <a:cxnLst/>
                <a:rect l="l" t="t" r="r" b="b"/>
                <a:pathLst>
                  <a:path w="304130" h="804256" extrusionOk="0">
                    <a:moveTo>
                      <a:pt x="288786" y="34"/>
                    </a:moveTo>
                    <a:cubicBezTo>
                      <a:pt x="193440" y="5797"/>
                      <a:pt x="117653" y="60978"/>
                      <a:pt x="87443" y="151609"/>
                    </a:cubicBezTo>
                    <a:cubicBezTo>
                      <a:pt x="57407" y="241192"/>
                      <a:pt x="145942" y="309295"/>
                      <a:pt x="201124" y="363429"/>
                    </a:cubicBezTo>
                    <a:cubicBezTo>
                      <a:pt x="204966" y="354349"/>
                      <a:pt x="208633" y="345268"/>
                      <a:pt x="212475" y="336188"/>
                    </a:cubicBezTo>
                    <a:cubicBezTo>
                      <a:pt x="-18031" y="360111"/>
                      <a:pt x="-71990" y="672166"/>
                      <a:pt x="105080" y="801214"/>
                    </a:cubicBezTo>
                    <a:cubicBezTo>
                      <a:pt x="121670" y="813438"/>
                      <a:pt x="137560" y="785673"/>
                      <a:pt x="121146" y="773624"/>
                    </a:cubicBezTo>
                    <a:cubicBezTo>
                      <a:pt x="-29556" y="663784"/>
                      <a:pt x="14100" y="388575"/>
                      <a:pt x="212475" y="367969"/>
                    </a:cubicBezTo>
                    <a:cubicBezTo>
                      <a:pt x="225571" y="366572"/>
                      <a:pt x="234477" y="351380"/>
                      <a:pt x="223825" y="340728"/>
                    </a:cubicBezTo>
                    <a:cubicBezTo>
                      <a:pt x="184709" y="302310"/>
                      <a:pt x="136338" y="265988"/>
                      <a:pt x="117653" y="212553"/>
                    </a:cubicBezTo>
                    <a:cubicBezTo>
                      <a:pt x="83427" y="114065"/>
                      <a:pt x="208633" y="36706"/>
                      <a:pt x="288960" y="31816"/>
                    </a:cubicBezTo>
                    <a:cubicBezTo>
                      <a:pt x="309217" y="30594"/>
                      <a:pt x="309217" y="-1188"/>
                      <a:pt x="288786" y="34"/>
                    </a:cubicBezTo>
                    <a:lnTo>
                      <a:pt x="288786" y="34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  <p:sp>
            <p:nvSpPr>
              <p:cNvPr id="1169" name="Google Shape;1169;p20"/>
              <p:cNvSpPr/>
              <p:nvPr/>
            </p:nvSpPr>
            <p:spPr>
              <a:xfrm>
                <a:off x="299494" y="3717343"/>
                <a:ext cx="92065" cy="314134"/>
              </a:xfrm>
              <a:custGeom>
                <a:avLst/>
                <a:gdLst/>
                <a:ahLst/>
                <a:cxnLst/>
                <a:rect l="l" t="t" r="r" b="b"/>
                <a:pathLst>
                  <a:path w="92065" h="314134" extrusionOk="0">
                    <a:moveTo>
                      <a:pt x="46961" y="7533"/>
                    </a:moveTo>
                    <a:cubicBezTo>
                      <a:pt x="-15031" y="106196"/>
                      <a:pt x="-22016" y="223719"/>
                      <a:pt x="64773" y="309460"/>
                    </a:cubicBezTo>
                    <a:cubicBezTo>
                      <a:pt x="79441" y="323954"/>
                      <a:pt x="101968" y="301427"/>
                      <a:pt x="87299" y="286933"/>
                    </a:cubicBezTo>
                    <a:cubicBezTo>
                      <a:pt x="10290" y="210797"/>
                      <a:pt x="20243" y="110038"/>
                      <a:pt x="74552" y="23598"/>
                    </a:cubicBezTo>
                    <a:cubicBezTo>
                      <a:pt x="85553" y="6136"/>
                      <a:pt x="57962" y="-9929"/>
                      <a:pt x="46961" y="7533"/>
                    </a:cubicBezTo>
                    <a:lnTo>
                      <a:pt x="46961" y="7533"/>
                    </a:lnTo>
                    <a:close/>
                  </a:path>
                </a:pathLst>
              </a:custGeom>
              <a:solidFill>
                <a:srgbClr val="0E514A"/>
              </a:solidFill>
              <a:ln>
                <a:noFill/>
              </a:ln>
            </p:spPr>
            <p:txBody>
              <a:bodyPr spcFirstLastPara="1" wrap="square" lIns="91425" tIns="45700" rIns="91425" bIns="45700" anchor="ctr" anchorCtr="0">
                <a:noAutofit/>
              </a:bodyPr>
              <a:lstStyle/>
              <a:p>
                <a:pPr marL="0" marR="0" lvl="0" indent="0" algn="l" defTabSz="914400" rtl="0" eaLnBrk="1" fontAlgn="auto" latinLnBrk="0" hangingPunct="1">
                  <a:lnSpc>
                    <a:spcPct val="100000"/>
                  </a:lnSpc>
                  <a:spcBef>
                    <a:spcPts val="0"/>
                  </a:spcBef>
                  <a:spcAft>
                    <a:spcPts val="0"/>
                  </a:spcAft>
                  <a:buClr>
                    <a:srgbClr val="000000"/>
                  </a:buClr>
                  <a:buSzTx/>
                  <a:buFont typeface="Arial"/>
                  <a:buNone/>
                  <a:tabLst/>
                  <a:defRPr/>
                </a:pPr>
                <a:endParaRPr kumimoji="0" sz="1800" b="0" i="0" u="none" strike="noStrike" kern="0" cap="none" spc="0" normalizeH="0" baseline="0" noProof="0">
                  <a:ln>
                    <a:noFill/>
                  </a:ln>
                  <a:solidFill>
                    <a:srgbClr val="767171"/>
                  </a:solidFill>
                  <a:effectLst/>
                  <a:uLnTx/>
                  <a:uFillTx/>
                  <a:latin typeface="Calibri"/>
                  <a:ea typeface="Calibri"/>
                  <a:cs typeface="Calibri"/>
                  <a:sym typeface="Calibri"/>
                </a:endParaRPr>
              </a:p>
            </p:txBody>
          </p:sp>
        </p:grpSp>
      </p:grpSp>
      <p:pic>
        <p:nvPicPr>
          <p:cNvPr id="1170" name="Google Shape;1170;p20"/>
          <p:cNvPicPr preferRelativeResize="0"/>
          <p:nvPr/>
        </p:nvPicPr>
        <p:blipFill rotWithShape="1">
          <a:blip r:embed="rId10">
            <a:alphaModFix/>
          </a:blip>
          <a:srcRect/>
          <a:stretch/>
        </p:blipFill>
        <p:spPr>
          <a:xfrm>
            <a:off x="686699" y="1857369"/>
            <a:ext cx="2111368" cy="1805584"/>
          </a:xfrm>
          <a:prstGeom prst="rect">
            <a:avLst/>
          </a:prstGeom>
          <a:noFill/>
          <a:ln>
            <a:noFill/>
          </a:ln>
        </p:spPr>
      </p:pic>
      <p:sp>
        <p:nvSpPr>
          <p:cNvPr id="2" name="TextBox 1">
            <a:extLst>
              <a:ext uri="{FF2B5EF4-FFF2-40B4-BE49-F238E27FC236}">
                <a16:creationId xmlns:a16="http://schemas.microsoft.com/office/drawing/2014/main" id="{F0BFEBD2-5844-4F41-B847-38F05AFB1B0E}"/>
              </a:ext>
            </a:extLst>
          </p:cNvPr>
          <p:cNvSpPr txBox="1"/>
          <p:nvPr/>
        </p:nvSpPr>
        <p:spPr>
          <a:xfrm>
            <a:off x="3963641" y="1142313"/>
            <a:ext cx="5991598" cy="1200329"/>
          </a:xfrm>
          <a:prstGeom prst="rect">
            <a:avLst/>
          </a:prstGeom>
          <a:solidFill>
            <a:srgbClr val="FFFF00"/>
          </a:solidFill>
        </p:spPr>
        <p:txBody>
          <a:bodyPr wrap="square" rtlCol="0">
            <a:spAutoFit/>
          </a:bodyPr>
          <a:lstStyle/>
          <a:p>
            <a:pPr algn="ctr"/>
            <a:r>
              <a:rPr lang="en-US" sz="3600" dirty="0">
                <a:solidFill>
                  <a:srgbClr val="FF0000"/>
                </a:solidFill>
              </a:rPr>
              <a:t>THANK YOU </a:t>
            </a:r>
          </a:p>
          <a:p>
            <a:pPr algn="ctr"/>
            <a:r>
              <a:rPr lang="en-US" sz="3600" dirty="0">
                <a:solidFill>
                  <a:srgbClr val="FF0000"/>
                </a:solidFill>
              </a:rPr>
              <a:t>FOR YOUR LISTENING</a:t>
            </a:r>
          </a:p>
        </p:txBody>
      </p:sp>
      <p:pic>
        <p:nvPicPr>
          <p:cNvPr id="132" name="IMG_2033.gif" descr="IMG_2033.gif">
            <a:extLst>
              <a:ext uri="{FF2B5EF4-FFF2-40B4-BE49-F238E27FC236}">
                <a16:creationId xmlns:a16="http://schemas.microsoft.com/office/drawing/2014/main" id="{4FBF3E59-27A5-48A4-A854-74CCAFD9F44A}"/>
              </a:ext>
            </a:extLst>
          </p:cNvPr>
          <p:cNvPicPr>
            <a:picLocks/>
          </p:cNvPicPr>
          <p:nvPr/>
        </p:nvPicPr>
        <p:blipFill>
          <a:blip r:embed="rId11"/>
          <a:stretch>
            <a:fillRect/>
          </a:stretch>
        </p:blipFill>
        <p:spPr>
          <a:xfrm>
            <a:off x="-403600" y="4866701"/>
            <a:ext cx="1944021" cy="1944021"/>
          </a:xfrm>
          <a:prstGeom prst="rect">
            <a:avLst/>
          </a:prstGeom>
          <a:ln w="12700">
            <a:miter lim="400000"/>
          </a:ln>
        </p:spPr>
      </p:pic>
      <p:pic>
        <p:nvPicPr>
          <p:cNvPr id="133" name="IMG_2055.gif" descr="IMG_2055.gif">
            <a:extLst>
              <a:ext uri="{FF2B5EF4-FFF2-40B4-BE49-F238E27FC236}">
                <a16:creationId xmlns:a16="http://schemas.microsoft.com/office/drawing/2014/main" id="{1457F0DB-672C-48A4-BF04-01485A288FEF}"/>
              </a:ext>
            </a:extLst>
          </p:cNvPr>
          <p:cNvPicPr>
            <a:picLocks/>
          </p:cNvPicPr>
          <p:nvPr/>
        </p:nvPicPr>
        <p:blipFill>
          <a:blip r:embed="rId12"/>
          <a:stretch>
            <a:fillRect/>
          </a:stretch>
        </p:blipFill>
        <p:spPr>
          <a:xfrm>
            <a:off x="9634726" y="5009870"/>
            <a:ext cx="1979299" cy="2097270"/>
          </a:xfrm>
          <a:prstGeom prst="rect">
            <a:avLst/>
          </a:prstGeom>
          <a:ln w="12700">
            <a:miter lim="400000"/>
          </a:ln>
        </p:spPr>
      </p:pic>
      <p:pic>
        <p:nvPicPr>
          <p:cNvPr id="134" name="IMG_2053.gif" descr="IMG_2053.gif">
            <a:extLst>
              <a:ext uri="{FF2B5EF4-FFF2-40B4-BE49-F238E27FC236}">
                <a16:creationId xmlns:a16="http://schemas.microsoft.com/office/drawing/2014/main" id="{F3B8EFBC-5F7F-4718-86F3-17438149A596}"/>
              </a:ext>
            </a:extLst>
          </p:cNvPr>
          <p:cNvPicPr>
            <a:picLocks/>
          </p:cNvPicPr>
          <p:nvPr/>
        </p:nvPicPr>
        <p:blipFill>
          <a:blip r:embed="rId13"/>
          <a:stretch>
            <a:fillRect/>
          </a:stretch>
        </p:blipFill>
        <p:spPr>
          <a:xfrm>
            <a:off x="8993132" y="1106420"/>
            <a:ext cx="865532" cy="865532"/>
          </a:xfrm>
          <a:prstGeom prst="rect">
            <a:avLst/>
          </a:prstGeom>
          <a:ln w="12700">
            <a:miter lim="400000"/>
          </a:ln>
        </p:spPr>
      </p:pic>
      <p:pic>
        <p:nvPicPr>
          <p:cNvPr id="135" name="IMG_2053.gif" descr="IMG_2053.gif">
            <a:extLst>
              <a:ext uri="{FF2B5EF4-FFF2-40B4-BE49-F238E27FC236}">
                <a16:creationId xmlns:a16="http://schemas.microsoft.com/office/drawing/2014/main" id="{57605262-D7EE-4CDA-943A-B7BD42636CCA}"/>
              </a:ext>
            </a:extLst>
          </p:cNvPr>
          <p:cNvPicPr>
            <a:picLocks/>
          </p:cNvPicPr>
          <p:nvPr/>
        </p:nvPicPr>
        <p:blipFill>
          <a:blip r:embed="rId13"/>
          <a:stretch>
            <a:fillRect/>
          </a:stretch>
        </p:blipFill>
        <p:spPr>
          <a:xfrm>
            <a:off x="10018682" y="4935136"/>
            <a:ext cx="865532" cy="865532"/>
          </a:xfrm>
          <a:prstGeom prst="rect">
            <a:avLst/>
          </a:prstGeom>
          <a:ln w="12700">
            <a:miter lim="400000"/>
          </a:ln>
        </p:spPr>
      </p:pic>
      <p:pic>
        <p:nvPicPr>
          <p:cNvPr id="136" name="IMG_2053.gif" descr="IMG_2053.gif">
            <a:extLst>
              <a:ext uri="{FF2B5EF4-FFF2-40B4-BE49-F238E27FC236}">
                <a16:creationId xmlns:a16="http://schemas.microsoft.com/office/drawing/2014/main" id="{7C31DBA3-8AAE-4CDD-812D-D3BFA78B73ED}"/>
              </a:ext>
            </a:extLst>
          </p:cNvPr>
          <p:cNvPicPr>
            <a:picLocks/>
          </p:cNvPicPr>
          <p:nvPr/>
        </p:nvPicPr>
        <p:blipFill>
          <a:blip r:embed="rId13"/>
          <a:stretch>
            <a:fillRect/>
          </a:stretch>
        </p:blipFill>
        <p:spPr>
          <a:xfrm>
            <a:off x="1244089" y="3980792"/>
            <a:ext cx="865532" cy="865532"/>
          </a:xfrm>
          <a:prstGeom prst="rect">
            <a:avLst/>
          </a:prstGeom>
          <a:ln w="12700">
            <a:miter lim="400000"/>
          </a:ln>
        </p:spPr>
      </p:pic>
      <p:pic>
        <p:nvPicPr>
          <p:cNvPr id="137" name="IMG_2053.gif" descr="IMG_2053.gif">
            <a:extLst>
              <a:ext uri="{FF2B5EF4-FFF2-40B4-BE49-F238E27FC236}">
                <a16:creationId xmlns:a16="http://schemas.microsoft.com/office/drawing/2014/main" id="{EB2CC083-0AD3-4DFF-8C01-600321D53092}"/>
              </a:ext>
            </a:extLst>
          </p:cNvPr>
          <p:cNvPicPr>
            <a:picLocks/>
          </p:cNvPicPr>
          <p:nvPr/>
        </p:nvPicPr>
        <p:blipFill>
          <a:blip r:embed="rId13"/>
          <a:stretch>
            <a:fillRect/>
          </a:stretch>
        </p:blipFill>
        <p:spPr>
          <a:xfrm>
            <a:off x="3132840" y="2248574"/>
            <a:ext cx="865532" cy="865532"/>
          </a:xfrm>
          <a:prstGeom prst="rect">
            <a:avLst/>
          </a:prstGeom>
          <a:ln w="12700">
            <a:miter lim="400000"/>
          </a:ln>
        </p:spPr>
      </p:pic>
      <p:pic>
        <p:nvPicPr>
          <p:cNvPr id="138" name="IMG_2053.gif" descr="IMG_2053.gif">
            <a:extLst>
              <a:ext uri="{FF2B5EF4-FFF2-40B4-BE49-F238E27FC236}">
                <a16:creationId xmlns:a16="http://schemas.microsoft.com/office/drawing/2014/main" id="{ED548A76-D697-45B8-B4AC-1F1F277D242A}"/>
              </a:ext>
            </a:extLst>
          </p:cNvPr>
          <p:cNvPicPr>
            <a:picLocks/>
          </p:cNvPicPr>
          <p:nvPr/>
        </p:nvPicPr>
        <p:blipFill>
          <a:blip r:embed="rId13"/>
          <a:stretch>
            <a:fillRect/>
          </a:stretch>
        </p:blipFill>
        <p:spPr>
          <a:xfrm>
            <a:off x="-164231" y="-169065"/>
            <a:ext cx="865532" cy="865532"/>
          </a:xfrm>
          <a:prstGeom prst="rect">
            <a:avLst/>
          </a:prstGeom>
          <a:ln w="12700">
            <a:miter lim="400000"/>
          </a:ln>
        </p:spPr>
      </p:pic>
    </p:spTree>
    <p:extLst>
      <p:ext uri="{BB962C8B-B14F-4D97-AF65-F5344CB8AC3E}">
        <p14:creationId xmlns:p14="http://schemas.microsoft.com/office/powerpoint/2010/main" val="33457373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449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3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50" name="Google Shape;450;p41"/>
          <p:cNvSpPr txBox="1">
            <a:spLocks noGrp="1"/>
          </p:cNvSpPr>
          <p:nvPr>
            <p:ph type="sldNum" idx="12"/>
          </p:nvPr>
        </p:nvSpPr>
        <p:spPr>
          <a:xfrm>
            <a:off x="101612" y="6333135"/>
            <a:ext cx="731600" cy="524800"/>
          </a:xfrm>
          <a:prstGeom prst="rect">
            <a:avLst/>
          </a:prstGeom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fld id="{00000000-1234-1234-1234-123412341234}" type="slidenum">
              <a:rPr lang="en" kern="0"/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t>2</a:t>
            </a:fld>
            <a:endParaRPr kern="0"/>
          </a:p>
        </p:txBody>
      </p:sp>
      <p:sp>
        <p:nvSpPr>
          <p:cNvPr id="451" name="Google Shape;451;p41"/>
          <p:cNvSpPr/>
          <p:nvPr/>
        </p:nvSpPr>
        <p:spPr>
          <a:xfrm>
            <a:off x="-65163" y="2856572"/>
            <a:ext cx="12322328" cy="1292092"/>
          </a:xfrm>
          <a:custGeom>
            <a:avLst/>
            <a:gdLst/>
            <a:ahLst/>
            <a:cxnLst/>
            <a:rect l="l" t="t" r="r" b="b"/>
            <a:pathLst>
              <a:path w="12192000" h="1348058" extrusionOk="0">
                <a:moveTo>
                  <a:pt x="12192000" y="0"/>
                </a:moveTo>
                <a:lnTo>
                  <a:pt x="10837333" y="0"/>
                </a:lnTo>
                <a:cubicBezTo>
                  <a:pt x="10463295" y="0"/>
                  <a:pt x="10160000" y="301773"/>
                  <a:pt x="10160000" y="674029"/>
                </a:cubicBezTo>
                <a:lnTo>
                  <a:pt x="10160000" y="674029"/>
                </a:lnTo>
                <a:cubicBezTo>
                  <a:pt x="10160000" y="1046281"/>
                  <a:pt x="9856705" y="1348059"/>
                  <a:pt x="9482667" y="1348059"/>
                </a:cubicBezTo>
                <a:lnTo>
                  <a:pt x="9482667" y="1348059"/>
                </a:lnTo>
                <a:cubicBezTo>
                  <a:pt x="9108581" y="1348059"/>
                  <a:pt x="8805333" y="1046281"/>
                  <a:pt x="8805333" y="674029"/>
                </a:cubicBezTo>
                <a:lnTo>
                  <a:pt x="8805333" y="674029"/>
                </a:lnTo>
                <a:cubicBezTo>
                  <a:pt x="8805333" y="301773"/>
                  <a:pt x="8502086" y="0"/>
                  <a:pt x="8128000" y="0"/>
                </a:cubicBezTo>
                <a:lnTo>
                  <a:pt x="8128000" y="0"/>
                </a:lnTo>
                <a:cubicBezTo>
                  <a:pt x="7753915" y="0"/>
                  <a:pt x="7450667" y="301773"/>
                  <a:pt x="7450667" y="674029"/>
                </a:cubicBezTo>
                <a:lnTo>
                  <a:pt x="7450667" y="674029"/>
                </a:lnTo>
                <a:cubicBezTo>
                  <a:pt x="7450667" y="1046281"/>
                  <a:pt x="7147419" y="1348059"/>
                  <a:pt x="6773334" y="1348059"/>
                </a:cubicBezTo>
                <a:lnTo>
                  <a:pt x="6773334" y="1348059"/>
                </a:lnTo>
                <a:cubicBezTo>
                  <a:pt x="6399248" y="1348059"/>
                  <a:pt x="6096000" y="1046281"/>
                  <a:pt x="6096000" y="674029"/>
                </a:cubicBezTo>
                <a:lnTo>
                  <a:pt x="6096000" y="674029"/>
                </a:lnTo>
                <a:cubicBezTo>
                  <a:pt x="6096000" y="301773"/>
                  <a:pt x="5792753" y="0"/>
                  <a:pt x="5418667" y="0"/>
                </a:cubicBezTo>
                <a:lnTo>
                  <a:pt x="5418667" y="0"/>
                </a:lnTo>
                <a:cubicBezTo>
                  <a:pt x="5044581" y="0"/>
                  <a:pt x="4741334" y="301773"/>
                  <a:pt x="4741334" y="674029"/>
                </a:cubicBezTo>
                <a:lnTo>
                  <a:pt x="4741334" y="674029"/>
                </a:lnTo>
                <a:cubicBezTo>
                  <a:pt x="4741334" y="1046281"/>
                  <a:pt x="4438076" y="1348059"/>
                  <a:pt x="4064000" y="1348059"/>
                </a:cubicBezTo>
                <a:lnTo>
                  <a:pt x="4064000" y="1348059"/>
                </a:lnTo>
                <a:cubicBezTo>
                  <a:pt x="3689924" y="1348059"/>
                  <a:pt x="3386667" y="1046281"/>
                  <a:pt x="3386667" y="674029"/>
                </a:cubicBezTo>
                <a:lnTo>
                  <a:pt x="3386667" y="674029"/>
                </a:lnTo>
                <a:cubicBezTo>
                  <a:pt x="3386667" y="301773"/>
                  <a:pt x="3083410" y="0"/>
                  <a:pt x="2709333" y="0"/>
                </a:cubicBezTo>
                <a:lnTo>
                  <a:pt x="2709333" y="0"/>
                </a:lnTo>
                <a:cubicBezTo>
                  <a:pt x="2335257" y="0"/>
                  <a:pt x="2032000" y="301773"/>
                  <a:pt x="2032000" y="674029"/>
                </a:cubicBezTo>
                <a:lnTo>
                  <a:pt x="2032000" y="674029"/>
                </a:lnTo>
                <a:cubicBezTo>
                  <a:pt x="2032000" y="1046281"/>
                  <a:pt x="1728743" y="1348059"/>
                  <a:pt x="1354667" y="1348059"/>
                </a:cubicBezTo>
                <a:lnTo>
                  <a:pt x="0" y="1348059"/>
                </a:lnTo>
              </a:path>
            </a:pathLst>
          </a:custGeom>
          <a:noFill/>
          <a:ln w="228600" cap="flat" cmpd="sng">
            <a:solidFill>
              <a:schemeClr val="dk2"/>
            </a:solidFill>
            <a:prstDash val="solid"/>
            <a:miter lim="8000"/>
            <a:headEnd type="none" w="sm" len="sm"/>
            <a:tailEnd type="none" w="sm" len="sm"/>
          </a:ln>
        </p:spPr>
        <p:txBody>
          <a:bodyPr spcFirstLastPara="1" wrap="square" lIns="121900" tIns="60933" rIns="121900" bIns="60933" anchor="ctr" anchorCtr="0">
            <a:noAutofit/>
          </a:bodyPr>
          <a:lstStyle/>
          <a:p>
            <a:pPr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endParaRPr sz="2400" kern="0">
              <a:solidFill>
                <a:srgbClr val="000000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452" name="Google Shape;452;p41"/>
          <p:cNvSpPr/>
          <p:nvPr/>
        </p:nvSpPr>
        <p:spPr>
          <a:xfrm>
            <a:off x="-574766" y="2856572"/>
            <a:ext cx="12766766" cy="1348057"/>
          </a:xfrm>
          <a:custGeom>
            <a:avLst/>
            <a:gdLst/>
            <a:ahLst/>
            <a:cxnLst/>
            <a:rect l="l" t="t" r="r" b="b"/>
            <a:pathLst>
              <a:path w="12192000" h="1348058" extrusionOk="0">
                <a:moveTo>
                  <a:pt x="12192000" y="0"/>
                </a:moveTo>
                <a:lnTo>
                  <a:pt x="10837333" y="0"/>
                </a:lnTo>
                <a:cubicBezTo>
                  <a:pt x="10463295" y="0"/>
                  <a:pt x="10160000" y="301773"/>
                  <a:pt x="10160000" y="674029"/>
                </a:cubicBezTo>
                <a:lnTo>
                  <a:pt x="10160000" y="674029"/>
                </a:lnTo>
                <a:cubicBezTo>
                  <a:pt x="10160000" y="1046281"/>
                  <a:pt x="9856705" y="1348059"/>
                  <a:pt x="9482667" y="1348059"/>
                </a:cubicBezTo>
                <a:lnTo>
                  <a:pt x="9482667" y="1348059"/>
                </a:lnTo>
                <a:cubicBezTo>
                  <a:pt x="9108581" y="1348059"/>
                  <a:pt x="8805333" y="1046281"/>
                  <a:pt x="8805333" y="674029"/>
                </a:cubicBezTo>
                <a:lnTo>
                  <a:pt x="8805333" y="674029"/>
                </a:lnTo>
                <a:cubicBezTo>
                  <a:pt x="8805333" y="301773"/>
                  <a:pt x="8502086" y="0"/>
                  <a:pt x="8128000" y="0"/>
                </a:cubicBezTo>
                <a:lnTo>
                  <a:pt x="8128000" y="0"/>
                </a:lnTo>
                <a:cubicBezTo>
                  <a:pt x="7753915" y="0"/>
                  <a:pt x="7450667" y="301773"/>
                  <a:pt x="7450667" y="674029"/>
                </a:cubicBezTo>
                <a:lnTo>
                  <a:pt x="7450667" y="674029"/>
                </a:lnTo>
                <a:cubicBezTo>
                  <a:pt x="7450667" y="1046281"/>
                  <a:pt x="7147419" y="1348059"/>
                  <a:pt x="6773334" y="1348059"/>
                </a:cubicBezTo>
                <a:lnTo>
                  <a:pt x="6773334" y="1348059"/>
                </a:lnTo>
                <a:cubicBezTo>
                  <a:pt x="6399248" y="1348059"/>
                  <a:pt x="6096000" y="1046281"/>
                  <a:pt x="6096000" y="674029"/>
                </a:cubicBezTo>
                <a:lnTo>
                  <a:pt x="6096000" y="674029"/>
                </a:lnTo>
                <a:cubicBezTo>
                  <a:pt x="6096000" y="301773"/>
                  <a:pt x="5792753" y="0"/>
                  <a:pt x="5418667" y="0"/>
                </a:cubicBezTo>
                <a:lnTo>
                  <a:pt x="5418667" y="0"/>
                </a:lnTo>
                <a:cubicBezTo>
                  <a:pt x="5044581" y="0"/>
                  <a:pt x="4741334" y="301773"/>
                  <a:pt x="4741334" y="674029"/>
                </a:cubicBezTo>
                <a:lnTo>
                  <a:pt x="4741334" y="674029"/>
                </a:lnTo>
                <a:cubicBezTo>
                  <a:pt x="4741334" y="1046281"/>
                  <a:pt x="4438076" y="1348059"/>
                  <a:pt x="4064000" y="1348059"/>
                </a:cubicBezTo>
                <a:lnTo>
                  <a:pt x="4064000" y="1348059"/>
                </a:lnTo>
                <a:cubicBezTo>
                  <a:pt x="3689924" y="1348059"/>
                  <a:pt x="3386667" y="1046281"/>
                  <a:pt x="3386667" y="674029"/>
                </a:cubicBezTo>
                <a:lnTo>
                  <a:pt x="3386667" y="674029"/>
                </a:lnTo>
                <a:cubicBezTo>
                  <a:pt x="3386667" y="301773"/>
                  <a:pt x="3083410" y="0"/>
                  <a:pt x="2709333" y="0"/>
                </a:cubicBezTo>
                <a:lnTo>
                  <a:pt x="2709333" y="0"/>
                </a:lnTo>
                <a:cubicBezTo>
                  <a:pt x="2335257" y="0"/>
                  <a:pt x="2032000" y="301773"/>
                  <a:pt x="2032000" y="674029"/>
                </a:cubicBezTo>
                <a:lnTo>
                  <a:pt x="2032000" y="674029"/>
                </a:lnTo>
                <a:cubicBezTo>
                  <a:pt x="2032000" y="1046281"/>
                  <a:pt x="1728743" y="1348059"/>
                  <a:pt x="1354667" y="1348059"/>
                </a:cubicBezTo>
                <a:lnTo>
                  <a:pt x="0" y="1348059"/>
                </a:lnTo>
              </a:path>
            </a:pathLst>
          </a:custGeom>
          <a:noFill/>
          <a:ln w="19050" cap="flat" cmpd="sng">
            <a:solidFill>
              <a:schemeClr val="lt1"/>
            </a:solidFill>
            <a:prstDash val="dash"/>
            <a:miter lim="8000"/>
            <a:headEnd type="none" w="sm" len="sm"/>
            <a:tailEnd type="none" w="sm" len="sm"/>
          </a:ln>
        </p:spPr>
        <p:txBody>
          <a:bodyPr spcFirstLastPara="1" wrap="square" lIns="121900" tIns="60933" rIns="121900" bIns="60933" anchor="ctr" anchorCtr="0">
            <a:noAutofit/>
          </a:bodyPr>
          <a:lstStyle/>
          <a:p>
            <a:pPr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endParaRPr sz="2400" kern="0">
              <a:solidFill>
                <a:srgbClr val="FFFFFF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grpSp>
        <p:nvGrpSpPr>
          <p:cNvPr id="453" name="Google Shape;453;p41"/>
          <p:cNvGrpSpPr/>
          <p:nvPr/>
        </p:nvGrpSpPr>
        <p:grpSpPr>
          <a:xfrm>
            <a:off x="2917377" y="2125542"/>
            <a:ext cx="631200" cy="631200"/>
            <a:chOff x="1786339" y="1703401"/>
            <a:chExt cx="473400" cy="473400"/>
          </a:xfrm>
        </p:grpSpPr>
        <p:sp>
          <p:nvSpPr>
            <p:cNvPr id="454" name="Google Shape;454;p41"/>
            <p:cNvSpPr/>
            <p:nvPr/>
          </p:nvSpPr>
          <p:spPr>
            <a:xfrm rot="8100000">
              <a:off x="1855667" y="1772729"/>
              <a:ext cx="334744" cy="334744"/>
            </a:xfrm>
            <a:prstGeom prst="teardrop">
              <a:avLst>
                <a:gd name="adj" fmla="val 100000"/>
              </a:avLst>
            </a:prstGeom>
            <a:solidFill>
              <a:schemeClr val="accent1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endParaRPr sz="1400" kern="0">
                <a:solidFill>
                  <a:srgbClr val="000000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  <p:sp>
          <p:nvSpPr>
            <p:cNvPr id="455" name="Google Shape;455;p41"/>
            <p:cNvSpPr/>
            <p:nvPr/>
          </p:nvSpPr>
          <p:spPr>
            <a:xfrm>
              <a:off x="1955989" y="1866499"/>
              <a:ext cx="134100" cy="134100"/>
            </a:xfrm>
            <a:prstGeom prst="ellipse">
              <a:avLst/>
            </a:prstGeom>
            <a:solidFill>
              <a:schemeClr val="lt1"/>
            </a:solidFill>
            <a:ln>
              <a:noFill/>
            </a:ln>
          </p:spPr>
          <p:txBody>
            <a:bodyPr spcFirstLastPara="1" wrap="square" lIns="0" tIns="0" rIns="0" bIns="0" anchor="ctr" anchorCtr="0">
              <a:noAutofit/>
            </a:bodyPr>
            <a:lstStyle/>
            <a:p>
              <a:pPr algn="ctr"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r>
                <a:rPr lang="en" sz="1400" kern="0" dirty="0">
                  <a:solidFill>
                    <a:srgbClr val="666666"/>
                  </a:solidFill>
                  <a:latin typeface="Pontano Sans"/>
                  <a:ea typeface="Pontano Sans"/>
                  <a:cs typeface="Pontano Sans"/>
                  <a:sym typeface="Pontano Sans"/>
                </a:rPr>
                <a:t>1</a:t>
              </a:r>
              <a:endParaRPr sz="1400" kern="0" dirty="0">
                <a:solidFill>
                  <a:srgbClr val="666666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</p:grpSp>
      <p:grpSp>
        <p:nvGrpSpPr>
          <p:cNvPr id="456" name="Google Shape;456;p41"/>
          <p:cNvGrpSpPr/>
          <p:nvPr/>
        </p:nvGrpSpPr>
        <p:grpSpPr>
          <a:xfrm>
            <a:off x="5464800" y="2044878"/>
            <a:ext cx="631200" cy="631200"/>
            <a:chOff x="3814414" y="1703401"/>
            <a:chExt cx="473400" cy="473400"/>
          </a:xfrm>
        </p:grpSpPr>
        <p:sp>
          <p:nvSpPr>
            <p:cNvPr id="457" name="Google Shape;457;p41"/>
            <p:cNvSpPr/>
            <p:nvPr/>
          </p:nvSpPr>
          <p:spPr>
            <a:xfrm rot="8100000">
              <a:off x="3883742" y="1772729"/>
              <a:ext cx="334744" cy="334744"/>
            </a:xfrm>
            <a:prstGeom prst="teardrop">
              <a:avLst>
                <a:gd name="adj" fmla="val 100000"/>
              </a:avLst>
            </a:prstGeom>
            <a:solidFill>
              <a:schemeClr val="accent3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endParaRPr sz="1400" kern="0">
                <a:solidFill>
                  <a:srgbClr val="000000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  <p:sp>
          <p:nvSpPr>
            <p:cNvPr id="458" name="Google Shape;458;p41"/>
            <p:cNvSpPr/>
            <p:nvPr/>
          </p:nvSpPr>
          <p:spPr>
            <a:xfrm>
              <a:off x="3984064" y="1866499"/>
              <a:ext cx="134100" cy="134100"/>
            </a:xfrm>
            <a:prstGeom prst="ellipse">
              <a:avLst/>
            </a:prstGeom>
            <a:solidFill>
              <a:schemeClr val="lt1"/>
            </a:solidFill>
            <a:ln>
              <a:noFill/>
            </a:ln>
          </p:spPr>
          <p:txBody>
            <a:bodyPr spcFirstLastPara="1" wrap="square" lIns="0" tIns="0" rIns="0" bIns="0" anchor="ctr" anchorCtr="0">
              <a:noAutofit/>
            </a:bodyPr>
            <a:lstStyle/>
            <a:p>
              <a:pPr algn="ctr"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r>
                <a:rPr lang="en" sz="1400" kern="0" dirty="0">
                  <a:solidFill>
                    <a:srgbClr val="666666"/>
                  </a:solidFill>
                  <a:latin typeface="Pontano Sans"/>
                  <a:ea typeface="Pontano Sans"/>
                  <a:cs typeface="Pontano Sans"/>
                  <a:sym typeface="Pontano Sans"/>
                </a:rPr>
                <a:t>3</a:t>
              </a:r>
              <a:endParaRPr sz="1400" kern="0" dirty="0">
                <a:solidFill>
                  <a:srgbClr val="666666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</p:grpSp>
      <p:grpSp>
        <p:nvGrpSpPr>
          <p:cNvPr id="465" name="Google Shape;465;p41"/>
          <p:cNvGrpSpPr/>
          <p:nvPr/>
        </p:nvGrpSpPr>
        <p:grpSpPr>
          <a:xfrm>
            <a:off x="6574822" y="4254464"/>
            <a:ext cx="631200" cy="631200"/>
            <a:chOff x="4852739" y="3576300"/>
            <a:chExt cx="473400" cy="473400"/>
          </a:xfrm>
        </p:grpSpPr>
        <p:sp>
          <p:nvSpPr>
            <p:cNvPr id="466" name="Google Shape;466;p41"/>
            <p:cNvSpPr/>
            <p:nvPr/>
          </p:nvSpPr>
          <p:spPr>
            <a:xfrm rot="-2700000">
              <a:off x="4922067" y="3645628"/>
              <a:ext cx="334744" cy="334744"/>
            </a:xfrm>
            <a:prstGeom prst="teardrop">
              <a:avLst>
                <a:gd name="adj" fmla="val 100000"/>
              </a:avLst>
            </a:prstGeom>
            <a:solidFill>
              <a:schemeClr val="accent4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endParaRPr sz="1400" kern="0" dirty="0">
                <a:solidFill>
                  <a:srgbClr val="000000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  <p:sp>
          <p:nvSpPr>
            <p:cNvPr id="467" name="Google Shape;467;p41"/>
            <p:cNvSpPr/>
            <p:nvPr/>
          </p:nvSpPr>
          <p:spPr>
            <a:xfrm flipH="1">
              <a:off x="5022389" y="3752502"/>
              <a:ext cx="134100" cy="134100"/>
            </a:xfrm>
            <a:prstGeom prst="ellipse">
              <a:avLst/>
            </a:prstGeom>
            <a:solidFill>
              <a:schemeClr val="lt1"/>
            </a:solidFill>
            <a:ln>
              <a:noFill/>
            </a:ln>
          </p:spPr>
          <p:txBody>
            <a:bodyPr spcFirstLastPara="1" wrap="square" lIns="0" tIns="0" rIns="0" bIns="0" anchor="ctr" anchorCtr="0">
              <a:noAutofit/>
            </a:bodyPr>
            <a:lstStyle/>
            <a:p>
              <a:pPr algn="ctr"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r>
                <a:rPr lang="en" sz="1400" kern="0" dirty="0">
                  <a:solidFill>
                    <a:srgbClr val="666666"/>
                  </a:solidFill>
                  <a:latin typeface="Pontano Sans"/>
                  <a:ea typeface="Pontano Sans"/>
                  <a:cs typeface="Pontano Sans"/>
                  <a:sym typeface="Pontano Sans"/>
                </a:rPr>
                <a:t>4</a:t>
              </a:r>
              <a:endParaRPr sz="1400" kern="0" dirty="0">
                <a:solidFill>
                  <a:srgbClr val="666666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</p:grpSp>
      <p:grpSp>
        <p:nvGrpSpPr>
          <p:cNvPr id="468" name="Google Shape;468;p41"/>
          <p:cNvGrpSpPr/>
          <p:nvPr/>
        </p:nvGrpSpPr>
        <p:grpSpPr>
          <a:xfrm>
            <a:off x="3426755" y="4322082"/>
            <a:ext cx="631200" cy="631200"/>
            <a:chOff x="2824664" y="3576300"/>
            <a:chExt cx="473400" cy="473400"/>
          </a:xfrm>
        </p:grpSpPr>
        <p:sp>
          <p:nvSpPr>
            <p:cNvPr id="469" name="Google Shape;469;p41"/>
            <p:cNvSpPr/>
            <p:nvPr/>
          </p:nvSpPr>
          <p:spPr>
            <a:xfrm rot="-2700000">
              <a:off x="2893992" y="3645628"/>
              <a:ext cx="334744" cy="334744"/>
            </a:xfrm>
            <a:prstGeom prst="teardrop">
              <a:avLst>
                <a:gd name="adj" fmla="val 100000"/>
              </a:avLst>
            </a:prstGeom>
            <a:solidFill>
              <a:schemeClr val="accent2"/>
            </a:solidFill>
            <a:ln>
              <a:noFill/>
            </a:ln>
          </p:spPr>
          <p:txBody>
            <a:bodyPr spcFirstLastPara="1" wrap="square" lIns="121900" tIns="121900" rIns="121900" bIns="121900" anchor="ctr" anchorCtr="0">
              <a:noAutofit/>
            </a:bodyPr>
            <a:lstStyle/>
            <a:p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endParaRPr sz="1400" kern="0">
                <a:solidFill>
                  <a:srgbClr val="000000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  <p:sp>
          <p:nvSpPr>
            <p:cNvPr id="470" name="Google Shape;470;p41"/>
            <p:cNvSpPr/>
            <p:nvPr/>
          </p:nvSpPr>
          <p:spPr>
            <a:xfrm flipH="1">
              <a:off x="2994314" y="3752502"/>
              <a:ext cx="134100" cy="134100"/>
            </a:xfrm>
            <a:prstGeom prst="ellipse">
              <a:avLst/>
            </a:prstGeom>
            <a:solidFill>
              <a:schemeClr val="lt1"/>
            </a:solidFill>
            <a:ln>
              <a:noFill/>
            </a:ln>
          </p:spPr>
          <p:txBody>
            <a:bodyPr spcFirstLastPara="1" wrap="square" lIns="0" tIns="0" rIns="0" bIns="0" anchor="ctr" anchorCtr="0">
              <a:noAutofit/>
            </a:bodyPr>
            <a:lstStyle/>
            <a:p>
              <a:pPr algn="ctr"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r>
                <a:rPr lang="en" sz="1400" kern="0" dirty="0">
                  <a:solidFill>
                    <a:srgbClr val="666666"/>
                  </a:solidFill>
                  <a:latin typeface="Pontano Sans"/>
                  <a:ea typeface="Pontano Sans"/>
                  <a:cs typeface="Pontano Sans"/>
                  <a:sym typeface="Pontano Sans"/>
                </a:rPr>
                <a:t>2</a:t>
              </a:r>
              <a:endParaRPr sz="1400" kern="0" dirty="0">
                <a:solidFill>
                  <a:srgbClr val="666666"/>
                </a:solidFill>
                <a:latin typeface="Pontano Sans"/>
                <a:ea typeface="Pontano Sans"/>
                <a:cs typeface="Pontano Sans"/>
                <a:sym typeface="Pontano Sans"/>
              </a:endParaRPr>
            </a:p>
          </p:txBody>
        </p:sp>
      </p:grpSp>
      <p:sp>
        <p:nvSpPr>
          <p:cNvPr id="471" name="Google Shape;471;p41"/>
          <p:cNvSpPr txBox="1"/>
          <p:nvPr/>
        </p:nvSpPr>
        <p:spPr>
          <a:xfrm>
            <a:off x="1103159" y="939058"/>
            <a:ext cx="3481329" cy="1219801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b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" sz="2400" kern="0" dirty="0" smtClean="0">
                <a:solidFill>
                  <a:srgbClr val="FF0000"/>
                </a:solidFill>
                <a:latin typeface="Bookman Old Style" panose="02050604050505020204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Lý do chọn phần mềm thiết kế</a:t>
            </a:r>
            <a:endParaRPr sz="2400" kern="0" dirty="0">
              <a:solidFill>
                <a:srgbClr val="00B050"/>
              </a:solidFill>
              <a:latin typeface="Bookman Old Style" panose="02050604050505020204" pitchFamily="18" charset="0"/>
              <a:ea typeface="MS UI Gothic" panose="020B0600070205080204" pitchFamily="34" charset="-128"/>
              <a:cs typeface="Pontano Sans"/>
              <a:sym typeface="Pontano Sans"/>
            </a:endParaRPr>
          </a:p>
        </p:txBody>
      </p:sp>
      <p:sp>
        <p:nvSpPr>
          <p:cNvPr id="472" name="Google Shape;472;p41"/>
          <p:cNvSpPr txBox="1"/>
          <p:nvPr/>
        </p:nvSpPr>
        <p:spPr>
          <a:xfrm>
            <a:off x="4788938" y="1408372"/>
            <a:ext cx="2570624" cy="711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b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vi-VN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Giới thiệu sơ lược về bài thiết </a:t>
            </a:r>
            <a:r>
              <a:rPr lang="vi-VN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kế</a:t>
            </a:r>
            <a:endParaRPr lang="vi-VN" sz="2400" kern="0" dirty="0">
              <a:solidFill>
                <a:srgbClr val="FF0000"/>
              </a:solidFill>
              <a:latin typeface="Constantia" panose="02030602050306030303" pitchFamily="18" charset="0"/>
              <a:ea typeface="MS UI Gothic" panose="020B0600070205080204" pitchFamily="34" charset="-128"/>
              <a:cs typeface="Pontano Sans"/>
              <a:sym typeface="Pontano Sans"/>
            </a:endParaRPr>
          </a:p>
        </p:txBody>
      </p:sp>
      <p:sp>
        <p:nvSpPr>
          <p:cNvPr id="474" name="Google Shape;474;p41"/>
          <p:cNvSpPr txBox="1"/>
          <p:nvPr/>
        </p:nvSpPr>
        <p:spPr>
          <a:xfrm>
            <a:off x="2065970" y="4941629"/>
            <a:ext cx="3625029" cy="12910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Mục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tiêu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chính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của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việc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xây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dựng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bài</a:t>
            </a:r>
            <a:r>
              <a:rPr lang="en-US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giảng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điện</a:t>
            </a:r>
            <a:r>
              <a:rPr lang="en-US" sz="2400" kern="0" dirty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tử</a:t>
            </a:r>
            <a:endParaRPr lang="en-US" sz="2400" kern="0" dirty="0">
              <a:solidFill>
                <a:srgbClr val="00B050"/>
              </a:solidFill>
              <a:latin typeface="Constantia" panose="02030602050306030303" pitchFamily="18" charset="0"/>
              <a:ea typeface="MS UI Gothic" panose="020B0600070205080204" pitchFamily="34" charset="-128"/>
              <a:cs typeface="Pontano Sans"/>
              <a:sym typeface="Pontano Sans"/>
            </a:endParaRPr>
          </a:p>
        </p:txBody>
      </p:sp>
      <p:sp>
        <p:nvSpPr>
          <p:cNvPr id="21" name="Google Shape;472;p41"/>
          <p:cNvSpPr txBox="1"/>
          <p:nvPr/>
        </p:nvSpPr>
        <p:spPr>
          <a:xfrm>
            <a:off x="6096000" y="4570063"/>
            <a:ext cx="2570624" cy="711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b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Tóm</a:t>
            </a:r>
            <a:r>
              <a:rPr lang="en-US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tắt</a:t>
            </a:r>
            <a:r>
              <a:rPr lang="en-US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bài</a:t>
            </a:r>
            <a:r>
              <a:rPr lang="en-US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giảng</a:t>
            </a:r>
            <a:endParaRPr lang="en-US" sz="2400" kern="0" dirty="0">
              <a:solidFill>
                <a:srgbClr val="00B050"/>
              </a:solidFill>
              <a:latin typeface="Constantia" panose="02030602050306030303" pitchFamily="18" charset="0"/>
              <a:ea typeface="MS UI Gothic" panose="020B0600070205080204" pitchFamily="34" charset="-128"/>
              <a:cs typeface="Pontano Sans"/>
              <a:sym typeface="Pontano Sans"/>
            </a:endParaRP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8104649" y="2055391"/>
            <a:ext cx="561975" cy="638175"/>
          </a:xfrm>
          <a:prstGeom prst="rect">
            <a:avLst/>
          </a:prstGeom>
        </p:spPr>
      </p:pic>
      <p:sp>
        <p:nvSpPr>
          <p:cNvPr id="26" name="Google Shape;472;p41"/>
          <p:cNvSpPr txBox="1"/>
          <p:nvPr/>
        </p:nvSpPr>
        <p:spPr>
          <a:xfrm>
            <a:off x="7625014" y="1181186"/>
            <a:ext cx="2570624" cy="7112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b" anchorCtr="0">
            <a:noAutofit/>
          </a:bodyPr>
          <a:lstStyle/>
          <a:p>
            <a:pPr algn="ctr"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Kết</a:t>
            </a:r>
            <a:r>
              <a:rPr lang="en-US" sz="2400" kern="0" dirty="0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 </a:t>
            </a:r>
            <a:r>
              <a:rPr lang="en-US" sz="2400" kern="0" dirty="0" err="1" smtClean="0">
                <a:solidFill>
                  <a:srgbClr val="FF0000"/>
                </a:solidFill>
                <a:latin typeface="Constantia" panose="02030602050306030303" pitchFamily="18" charset="0"/>
                <a:ea typeface="MS UI Gothic" panose="020B0600070205080204" pitchFamily="34" charset="-128"/>
                <a:cs typeface="Pontano Sans"/>
                <a:sym typeface="Pontano Sans"/>
              </a:rPr>
              <a:t>luận</a:t>
            </a:r>
            <a:endParaRPr lang="en-US" sz="2400" kern="0" dirty="0">
              <a:solidFill>
                <a:srgbClr val="00B050"/>
              </a:solidFill>
              <a:latin typeface="Constantia" panose="02030602050306030303" pitchFamily="18" charset="0"/>
              <a:ea typeface="MS UI Gothic" panose="020B0600070205080204" pitchFamily="34" charset="-128"/>
              <a:cs typeface="Pontano Sans"/>
              <a:sym typeface="Pontano Sans"/>
            </a:endParaRPr>
          </a:p>
        </p:txBody>
      </p:sp>
    </p:spTree>
    <p:extLst>
      <p:ext uri="{BB962C8B-B14F-4D97-AF65-F5344CB8AC3E}">
        <p14:creationId xmlns:p14="http://schemas.microsoft.com/office/powerpoint/2010/main" val="3627147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0" dur="2000"/>
                                        <p:tgtEl>
                                          <p:spTgt spid="4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5" dur="2000"/>
                                        <p:tgtEl>
                                          <p:spTgt spid="4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6" presetClass="entr" presetSubtype="16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8" dur="2000"/>
                                        <p:tgtEl>
                                          <p:spTgt spid="4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3" dur="2000"/>
                                        <p:tgtEl>
                                          <p:spTgt spid="4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6" dur="2000"/>
                                        <p:tgtEl>
                                          <p:spTgt spid="4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7" presetID="6" presetClass="entr" presetSubtype="16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29" dur="2000"/>
                                        <p:tgtEl>
                                          <p:spTgt spid="4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0" fill="hold">
                      <p:stCondLst>
                        <p:cond delay="indefinite"/>
                      </p:stCondLst>
                      <p:childTnLst>
                        <p:par>
                          <p:cTn id="31" fill="hold">
                            <p:stCondLst>
                              <p:cond delay="0"/>
                            </p:stCondLst>
                            <p:childTnLst>
                              <p:par>
                                <p:cTn id="32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4" dur="20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39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0" fill="hold">
                      <p:stCondLst>
                        <p:cond delay="indefinite"/>
                      </p:stCondLst>
                      <p:childTnLst>
                        <p:par>
                          <p:cTn id="41" fill="hold">
                            <p:stCondLst>
                              <p:cond delay="0"/>
                            </p:stCondLst>
                            <p:childTnLst>
                              <p:par>
                                <p:cTn id="42" presetID="6" presetClass="entr" presetSubtype="16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44" dur="20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71" grpId="0"/>
      <p:bldP spid="472" grpId="0"/>
      <p:bldP spid="474" grpId="0"/>
      <p:bldP spid="21" grpId="0"/>
      <p:bldP spid="2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6" name="Picture 2" descr="https://img.powerpoint.com.vn/uploads/2019/06/09/hinh-nen-powerpoint-chuyen-nghiep-dep-nhat_111626770.jpe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12192000" cy="742423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1" name="Up Arrow 10"/>
          <p:cNvSpPr/>
          <p:nvPr/>
        </p:nvSpPr>
        <p:spPr>
          <a:xfrm rot="3627983">
            <a:off x="7865916" y="1175062"/>
            <a:ext cx="369146" cy="1848933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4" name="Up Arrow 13"/>
          <p:cNvSpPr/>
          <p:nvPr/>
        </p:nvSpPr>
        <p:spPr>
          <a:xfrm rot="5400000">
            <a:off x="7968236" y="2642769"/>
            <a:ext cx="399604" cy="1683073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5" name="Up Arrow 14"/>
          <p:cNvSpPr/>
          <p:nvPr/>
        </p:nvSpPr>
        <p:spPr>
          <a:xfrm rot="7158046">
            <a:off x="7692635" y="3661854"/>
            <a:ext cx="363649" cy="2288216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3" name="Up Arrow 12"/>
          <p:cNvSpPr/>
          <p:nvPr/>
        </p:nvSpPr>
        <p:spPr>
          <a:xfrm rot="14413368">
            <a:off x="4098746" y="3745996"/>
            <a:ext cx="349421" cy="2061312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2" name="Up Arrow 11"/>
          <p:cNvSpPr/>
          <p:nvPr/>
        </p:nvSpPr>
        <p:spPr>
          <a:xfrm rot="16200000">
            <a:off x="3643373" y="2733827"/>
            <a:ext cx="371868" cy="1537250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sp>
        <p:nvSpPr>
          <p:cNvPr id="10" name="Up Arrow 9"/>
          <p:cNvSpPr/>
          <p:nvPr/>
        </p:nvSpPr>
        <p:spPr>
          <a:xfrm rot="17989624">
            <a:off x="3854622" y="1271851"/>
            <a:ext cx="423884" cy="1683073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  <p:pic>
        <p:nvPicPr>
          <p:cNvPr id="6" name="Content Placeholder 5" descr="A logo of a company&#10;&#10;Description automatically generated">
            <a:extLst>
              <a:ext uri="{FF2B5EF4-FFF2-40B4-BE49-F238E27FC236}">
                <a16:creationId xmlns:a16="http://schemas.microsoft.com/office/drawing/2014/main" id="{7BA1AA71-3807-A814-4542-A4875FFE3681}"/>
              </a:ext>
            </a:extLst>
          </p:cNvPr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080987" y="1128186"/>
            <a:ext cx="2211131" cy="893237"/>
          </a:xfr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093830" y="2881132"/>
            <a:ext cx="1878858" cy="1163565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45392" y="3009663"/>
            <a:ext cx="2368176" cy="985576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27860" y="4744619"/>
            <a:ext cx="2502219" cy="1057148"/>
          </a:xfrm>
          <a:prstGeom prst="rect">
            <a:avLst/>
          </a:prstGeom>
        </p:spPr>
      </p:pic>
      <p:sp>
        <p:nvSpPr>
          <p:cNvPr id="9" name="Oval 8"/>
          <p:cNvSpPr/>
          <p:nvPr/>
        </p:nvSpPr>
        <p:spPr>
          <a:xfrm>
            <a:off x="4339783" y="2070982"/>
            <a:ext cx="3550267" cy="2570305"/>
          </a:xfrm>
          <a:prstGeom prst="ellipse">
            <a:avLst/>
          </a:prstGeom>
          <a:solidFill>
            <a:srgbClr val="FFFF00"/>
          </a:solidFill>
        </p:spPr>
        <p:style>
          <a:lnRef idx="1">
            <a:schemeClr val="accent5"/>
          </a:lnRef>
          <a:fillRef idx="3">
            <a:schemeClr val="accent5"/>
          </a:fillRef>
          <a:effectRef idx="2">
            <a:schemeClr val="accent5"/>
          </a:effectRef>
          <a:fontRef idx="minor">
            <a:schemeClr val="lt1"/>
          </a:fontRef>
        </p:style>
        <p:txBody>
          <a:bodyPr rtlCol="0" anchor="ctr">
            <a:scene3d>
              <a:camera prst="orthographicFront"/>
              <a:lightRig rig="soft" dir="t">
                <a:rot lat="0" lon="0" rev="15600000"/>
              </a:lightRig>
            </a:scene3d>
            <a:sp3d extrusionH="57150" prstMaterial="softEdge">
              <a:bevelT w="25400" h="38100"/>
            </a:sp3d>
          </a:bodyPr>
          <a:lstStyle/>
          <a:p>
            <a:pPr algn="ctr"/>
            <a:r>
              <a:rPr lang="en-US" sz="3200" b="1" dirty="0" smtClean="0">
                <a:ln/>
                <a:solidFill>
                  <a:srgbClr val="FF0000"/>
                </a:solidFill>
                <a:latin typeface="Tahoma" panose="020B0604030504040204" pitchFamily="34" charset="0"/>
                <a:ea typeface="Tahoma" panose="020B0604030504040204" pitchFamily="34" charset="0"/>
                <a:cs typeface="Tahoma" panose="020B0604030504040204" pitchFamily="34" charset="0"/>
              </a:rPr>
              <a:t>PHẦN MỀM &amp; CÔNG CỤ HỖ TRỢ</a:t>
            </a:r>
            <a:endParaRPr lang="en-US" sz="3200" b="1" dirty="0">
              <a:ln/>
              <a:solidFill>
                <a:srgbClr val="FF0000"/>
              </a:solidFill>
              <a:latin typeface="Tahoma" panose="020B0604030504040204" pitchFamily="34" charset="0"/>
              <a:ea typeface="Tahoma" panose="020B0604030504040204" pitchFamily="34" charset="0"/>
              <a:cs typeface="Tahoma" panose="020B0604030504040204" pitchFamily="34" charset="0"/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923463" y="201480"/>
            <a:ext cx="5568777" cy="52322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1.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Lý</a:t>
            </a:r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do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chọn</a:t>
            </a:r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phần</a:t>
            </a:r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mềm</a:t>
            </a:r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hiết</a:t>
            </a:r>
            <a:r>
              <a:rPr lang="en-US" sz="28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28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kế</a:t>
            </a:r>
            <a:endParaRPr lang="en-US" sz="2800" dirty="0">
              <a:solidFill>
                <a:srgbClr val="FF0000"/>
              </a:solidFill>
            </a:endParaRPr>
          </a:p>
        </p:txBody>
      </p:sp>
      <p:pic>
        <p:nvPicPr>
          <p:cNvPr id="18" name="Picture 12" descr="Cách Đăng Ký, Tạo Tài Khoản Zoom Đơn Giản Nhất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917873" y="4798767"/>
            <a:ext cx="2054815" cy="114623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7" name="Picture 4" descr="iSpring Suite Max 10.3 - Công cụ hỗ trợ tạo bài giảng điện tử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003624" y="1033489"/>
            <a:ext cx="1969064" cy="104510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9" name="Picture 2" descr="Format Factory - Tải về"/>
          <p:cNvPicPr>
            <a:picLocks noChangeAspect="1" noChangeArrowheads="1"/>
          </p:cNvPicPr>
          <p:nvPr/>
        </p:nvPicPr>
        <p:blipFill>
          <a:blip r:embed="rId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930735" y="5486003"/>
            <a:ext cx="2386481" cy="105388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Up Arrow 19"/>
          <p:cNvSpPr/>
          <p:nvPr/>
        </p:nvSpPr>
        <p:spPr>
          <a:xfrm rot="10800000">
            <a:off x="5914175" y="4612520"/>
            <a:ext cx="363649" cy="883158"/>
          </a:xfrm>
          <a:prstGeom prst="up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679020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4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animBg="1"/>
      <p:bldP spid="14" grpId="0" animBg="1"/>
      <p:bldP spid="15" grpId="0" animBg="1"/>
      <p:bldP spid="13" grpId="0" animBg="1"/>
      <p:bldP spid="12" grpId="0" animBg="1"/>
      <p:bldP spid="10" grpId="0" animBg="1"/>
      <p:bldP spid="9" grpId="0" animBg="1"/>
      <p:bldP spid="20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574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 descr="https://img.powerpoint.com.vn/uploads/2019/06/09/hinh-nen-powerpoint-chuyen-nghiep-dep-nhat_111626770.jpeg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"/>
            <a:ext cx="12192000" cy="6858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75" name="Google Shape;575;p46"/>
          <p:cNvSpPr txBox="1">
            <a:spLocks noGrp="1"/>
          </p:cNvSpPr>
          <p:nvPr>
            <p:ph type="sldNum" idx="12"/>
          </p:nvPr>
        </p:nvSpPr>
        <p:spPr>
          <a:xfrm>
            <a:off x="101612" y="6333135"/>
            <a:ext cx="731600" cy="524800"/>
          </a:xfrm>
          <a:prstGeom prst="rect">
            <a:avLst/>
          </a:prstGeom>
        </p:spPr>
        <p:txBody>
          <a:bodyPr spcFirstLastPara="1" wrap="square" lIns="121900" tIns="121900" rIns="121900" bIns="121900" anchor="ctr" anchorCtr="0">
            <a:noAutofit/>
          </a:bodyPr>
          <a:lstStyle/>
          <a:p>
            <a:pPr defTabSz="1219170" eaLnBrk="1" fontAlgn="auto" hangingPunct="1">
              <a:spcBef>
                <a:spcPts val="0"/>
              </a:spcBef>
              <a:spcAft>
                <a:spcPts val="0"/>
              </a:spcAft>
              <a:buClr>
                <a:srgbClr val="000000"/>
              </a:buClr>
            </a:pPr>
            <a:fld id="{00000000-1234-1234-1234-123412341234}" type="slidenum">
              <a:rPr lang="en" kern="0"/>
              <a:pPr defTabSz="1219170" eaLnBrk="1" fontAlgn="auto" hangingPunct="1">
                <a:spcBef>
                  <a:spcPts val="0"/>
                </a:spcBef>
                <a:spcAft>
                  <a:spcPts val="0"/>
                </a:spcAft>
                <a:buClr>
                  <a:srgbClr val="000000"/>
                </a:buClr>
              </a:pPr>
              <a:t>4</a:t>
            </a:fld>
            <a:endParaRPr kern="0"/>
          </a:p>
        </p:txBody>
      </p:sp>
      <p:sp>
        <p:nvSpPr>
          <p:cNvPr id="577" name="Google Shape;577;p46"/>
          <p:cNvSpPr txBox="1"/>
          <p:nvPr/>
        </p:nvSpPr>
        <p:spPr>
          <a:xfrm>
            <a:off x="4110400" y="4346344"/>
            <a:ext cx="1985600" cy="97880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0" tIns="0" rIns="0" bIns="0" anchor="t" anchorCtr="0">
            <a:noAutofit/>
          </a:bodyPr>
          <a:lstStyle/>
          <a:p>
            <a:pPr algn="ctr" defTabSz="1219170" eaLnBrk="1" fontAlgn="auto" hangingPunct="1">
              <a:spcBef>
                <a:spcPts val="533"/>
              </a:spcBef>
              <a:spcAft>
                <a:spcPts val="533"/>
              </a:spcAft>
              <a:buClr>
                <a:srgbClr val="000000"/>
              </a:buClr>
            </a:pPr>
            <a:endParaRPr sz="1867" kern="0" dirty="0">
              <a:solidFill>
                <a:srgbClr val="000000"/>
              </a:solidFill>
              <a:latin typeface="Pontano Sans"/>
              <a:ea typeface="Pontano Sans"/>
              <a:cs typeface="Pontano Sans"/>
              <a:sym typeface="Pontano Sans"/>
            </a:endParaRPr>
          </a:p>
        </p:txBody>
      </p:sp>
      <p:sp>
        <p:nvSpPr>
          <p:cNvPr id="584" name="Google Shape;584;p46"/>
          <p:cNvSpPr txBox="1">
            <a:spLocks noGrp="1"/>
          </p:cNvSpPr>
          <p:nvPr>
            <p:ph type="title" idx="4294967295"/>
          </p:nvPr>
        </p:nvSpPr>
        <p:spPr>
          <a:xfrm>
            <a:off x="467412" y="144076"/>
            <a:ext cx="11258423" cy="1481989"/>
          </a:xfrm>
          <a:prstGeom prst="rect">
            <a:avLst/>
          </a:prstGeom>
          <a:noFill/>
        </p:spPr>
        <p:txBody>
          <a:bodyPr spcFirstLastPara="1" wrap="square" lIns="121900" tIns="121900" rIns="121900" bIns="121900" anchor="b" anchorCtr="0">
            <a:noAutofit/>
          </a:bodyPr>
          <a:lstStyle/>
          <a:p>
            <a:pPr defTabSz="1219170">
              <a:buClr>
                <a:srgbClr val="000000"/>
              </a:buClr>
            </a:pPr>
            <a:r>
              <a:rPr lang="en" sz="4000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2.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Mục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iêu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chính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của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việc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xây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dựng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bài</a:t>
            </a:r>
            <a:r>
              <a:rPr lang="en-US" sz="4000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giảng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điện</a:t>
            </a:r>
            <a:r>
              <a:rPr lang="en-US" sz="4000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4000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ử</a:t>
            </a:r>
            <a:endParaRPr lang="en-US" sz="4000" dirty="0">
              <a:solidFill>
                <a:srgbClr val="FF0000"/>
              </a:solidFill>
              <a:latin typeface="Times New Roman" panose="02020603050405020304" pitchFamily="18" charset="0"/>
              <a:ea typeface="MS UI Gothic" panose="020B0600070205080204" pitchFamily="34" charset="-128"/>
              <a:cs typeface="Times New Roman" panose="02020603050405020304" pitchFamily="18" charset="0"/>
              <a:sym typeface="Pontano Sans"/>
            </a:endParaRPr>
          </a:p>
        </p:txBody>
      </p:sp>
    </p:spTree>
    <p:extLst>
      <p:ext uri="{BB962C8B-B14F-4D97-AF65-F5344CB8AC3E}">
        <p14:creationId xmlns:p14="http://schemas.microsoft.com/office/powerpoint/2010/main" val="9275537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3400">
        <p14:reveal/>
      </p:transition>
    </mc:Choice>
    <mc:Fallback xmlns="">
      <p:transition spd="slow">
        <p:fade/>
      </p:transition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2" descr="https://img.powerpoint.com.vn/uploads/2019/06/09/hinh-nen-powerpoint-chuyen-nghiep-dep-nhat_111626770.jpe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7521" y="-121022"/>
            <a:ext cx="12402671" cy="697902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Freeform 4"/>
          <p:cNvSpPr/>
          <p:nvPr/>
        </p:nvSpPr>
        <p:spPr>
          <a:xfrm>
            <a:off x="4952013" y="2284491"/>
            <a:ext cx="2510375" cy="2167994"/>
          </a:xfrm>
          <a:custGeom>
            <a:avLst/>
            <a:gdLst>
              <a:gd name="connsiteX0" fmla="*/ 0 w 2510375"/>
              <a:gd name="connsiteY0" fmla="*/ 1083997 h 2167994"/>
              <a:gd name="connsiteX1" fmla="*/ 1255188 w 2510375"/>
              <a:gd name="connsiteY1" fmla="*/ 0 h 2167994"/>
              <a:gd name="connsiteX2" fmla="*/ 2510376 w 2510375"/>
              <a:gd name="connsiteY2" fmla="*/ 1083997 h 2167994"/>
              <a:gd name="connsiteX3" fmla="*/ 1255188 w 2510375"/>
              <a:gd name="connsiteY3" fmla="*/ 2167994 h 2167994"/>
              <a:gd name="connsiteX4" fmla="*/ 0 w 2510375"/>
              <a:gd name="connsiteY4" fmla="*/ 1083997 h 2167994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2510375" h="2167994">
                <a:moveTo>
                  <a:pt x="0" y="1083997"/>
                </a:moveTo>
                <a:cubicBezTo>
                  <a:pt x="0" y="485322"/>
                  <a:pt x="561967" y="0"/>
                  <a:pt x="1255188" y="0"/>
                </a:cubicBezTo>
                <a:cubicBezTo>
                  <a:pt x="1948409" y="0"/>
                  <a:pt x="2510376" y="485322"/>
                  <a:pt x="2510376" y="1083997"/>
                </a:cubicBezTo>
                <a:cubicBezTo>
                  <a:pt x="2510376" y="1682672"/>
                  <a:pt x="1948409" y="2167994"/>
                  <a:pt x="1255188" y="2167994"/>
                </a:cubicBezTo>
                <a:cubicBezTo>
                  <a:pt x="561967" y="2167994"/>
                  <a:pt x="0" y="1682672"/>
                  <a:pt x="0" y="1083997"/>
                </a:cubicBezTo>
                <a:close/>
              </a:path>
            </a:pathLst>
          </a:custGeom>
          <a:solidFill>
            <a:srgbClr val="FFFF00"/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387956" tIns="337815" rIns="387956" bIns="337815" numCol="1" spcCol="1270" anchor="ctr" anchorCtr="0">
            <a:noAutofit/>
          </a:bodyPr>
          <a:lstStyle/>
          <a:p>
            <a:pPr lvl="0" algn="ctr" defTabSz="14224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3200" b="1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Mục</a:t>
            </a:r>
            <a:r>
              <a:rPr lang="en-US" sz="3200" b="1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3200" b="1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iêu</a:t>
            </a:r>
            <a:endParaRPr lang="en-US" sz="3200" b="1" kern="12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sp>
        <p:nvSpPr>
          <p:cNvPr id="6" name="Freeform 5"/>
          <p:cNvSpPr/>
          <p:nvPr/>
        </p:nvSpPr>
        <p:spPr>
          <a:xfrm rot="16200000">
            <a:off x="6047161" y="2111065"/>
            <a:ext cx="320080" cy="26771"/>
          </a:xfrm>
          <a:custGeom>
            <a:avLst/>
            <a:gdLst>
              <a:gd name="connsiteX0" fmla="*/ 0 w 320080"/>
              <a:gd name="connsiteY0" fmla="*/ 13385 h 26771"/>
              <a:gd name="connsiteX1" fmla="*/ 320080 w 320080"/>
              <a:gd name="connsiteY1" fmla="*/ 13385 h 267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320080" h="26771">
                <a:moveTo>
                  <a:pt x="0" y="13385"/>
                </a:moveTo>
                <a:lnTo>
                  <a:pt x="320080" y="13385"/>
                </a:lnTo>
              </a:path>
            </a:pathLst>
          </a:custGeom>
          <a:noFill/>
        </p:spPr>
        <p:style>
          <a:lnRef idx="2">
            <a:schemeClr val="accent1">
              <a:shade val="60000"/>
              <a:hueOff val="0"/>
              <a:satOff val="0"/>
              <a:lumOff val="0"/>
              <a:alphaOff val="0"/>
            </a:schemeClr>
          </a:lnRef>
          <a:fillRef idx="0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tx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164737" tIns="5383" rIns="164739" bIns="5384" numCol="1" spcCol="1270" anchor="ctr" anchorCtr="0">
            <a:noAutofit/>
          </a:bodyPr>
          <a:lstStyle/>
          <a:p>
            <a:pPr lvl="0" algn="ctr" defTabSz="22225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500" kern="1200"/>
          </a:p>
        </p:txBody>
      </p:sp>
      <p:sp>
        <p:nvSpPr>
          <p:cNvPr id="7" name="Freeform 6"/>
          <p:cNvSpPr/>
          <p:nvPr/>
        </p:nvSpPr>
        <p:spPr>
          <a:xfrm>
            <a:off x="2330532" y="212652"/>
            <a:ext cx="7753338" cy="1751759"/>
          </a:xfrm>
          <a:custGeom>
            <a:avLst/>
            <a:gdLst>
              <a:gd name="connsiteX0" fmla="*/ 0 w 7753338"/>
              <a:gd name="connsiteY0" fmla="*/ 875880 h 1751759"/>
              <a:gd name="connsiteX1" fmla="*/ 3876669 w 7753338"/>
              <a:gd name="connsiteY1" fmla="*/ 0 h 1751759"/>
              <a:gd name="connsiteX2" fmla="*/ 7753338 w 7753338"/>
              <a:gd name="connsiteY2" fmla="*/ 875880 h 1751759"/>
              <a:gd name="connsiteX3" fmla="*/ 3876669 w 7753338"/>
              <a:gd name="connsiteY3" fmla="*/ 1751760 h 1751759"/>
              <a:gd name="connsiteX4" fmla="*/ 0 w 7753338"/>
              <a:gd name="connsiteY4" fmla="*/ 875880 h 17517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7753338" h="1751759">
                <a:moveTo>
                  <a:pt x="0" y="875880"/>
                </a:moveTo>
                <a:cubicBezTo>
                  <a:pt x="0" y="392145"/>
                  <a:pt x="1735644" y="0"/>
                  <a:pt x="3876669" y="0"/>
                </a:cubicBezTo>
                <a:cubicBezTo>
                  <a:pt x="6017694" y="0"/>
                  <a:pt x="7753338" y="392145"/>
                  <a:pt x="7753338" y="875880"/>
                </a:cubicBezTo>
                <a:cubicBezTo>
                  <a:pt x="7753338" y="1359615"/>
                  <a:pt x="6017694" y="1751760"/>
                  <a:pt x="3876669" y="1751760"/>
                </a:cubicBezTo>
                <a:cubicBezTo>
                  <a:pt x="1735644" y="1751760"/>
                  <a:pt x="0" y="1359615"/>
                  <a:pt x="0" y="875880"/>
                </a:cubicBezTo>
                <a:close/>
              </a:path>
            </a:pathLst>
          </a:custGeom>
          <a:solidFill>
            <a:schemeClr val="bg2"/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1153230" tIns="274319" rIns="1153230" bIns="274319" numCol="1" spcCol="1270" anchor="ctr" anchorCtr="0">
            <a:noAutofit/>
          </a:bodyPr>
          <a:lstStyle/>
          <a:p>
            <a:r>
              <a:rPr lang="vi-VN" sz="2800" dirty="0">
                <a:solidFill>
                  <a:srgbClr val="000000"/>
                </a:solidFill>
                <a:latin typeface="+mj-lt"/>
              </a:rPr>
              <a:t>Giúp người học hiểu bài dễ hơn, chính xác hơn. Biết cách vận dụng kiến thức để giải các bài tập.</a:t>
            </a:r>
            <a:endParaRPr lang="en-US" sz="2800" dirty="0">
              <a:solidFill>
                <a:srgbClr val="000000"/>
              </a:solidFill>
              <a:latin typeface="+mj-lt"/>
            </a:endParaRPr>
          </a:p>
        </p:txBody>
      </p:sp>
      <p:sp>
        <p:nvSpPr>
          <p:cNvPr id="9" name="Freeform 8"/>
          <p:cNvSpPr/>
          <p:nvPr/>
        </p:nvSpPr>
        <p:spPr>
          <a:xfrm rot="21538710">
            <a:off x="7462071" y="3326988"/>
            <a:ext cx="643871" cy="26771"/>
          </a:xfrm>
          <a:custGeom>
            <a:avLst/>
            <a:gdLst>
              <a:gd name="connsiteX0" fmla="*/ 0 w 643871"/>
              <a:gd name="connsiteY0" fmla="*/ 13385 h 26771"/>
              <a:gd name="connsiteX1" fmla="*/ 643871 w 643871"/>
              <a:gd name="connsiteY1" fmla="*/ 13385 h 267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643871" h="26771">
                <a:moveTo>
                  <a:pt x="0" y="13385"/>
                </a:moveTo>
                <a:lnTo>
                  <a:pt x="643871" y="13385"/>
                </a:lnTo>
              </a:path>
            </a:pathLst>
          </a:custGeom>
          <a:noFill/>
        </p:spPr>
        <p:style>
          <a:lnRef idx="2">
            <a:schemeClr val="accent1">
              <a:shade val="60000"/>
              <a:hueOff val="0"/>
              <a:satOff val="0"/>
              <a:lumOff val="0"/>
              <a:alphaOff val="0"/>
            </a:schemeClr>
          </a:lnRef>
          <a:fillRef idx="0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tx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318538" tIns="-2711" rIns="318539" bIns="-2712" numCol="1" spcCol="1270" anchor="ctr" anchorCtr="0">
            <a:noAutofit/>
          </a:bodyPr>
          <a:lstStyle/>
          <a:p>
            <a:pPr lvl="0" algn="ctr" defTabSz="22225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500" kern="1200"/>
          </a:p>
        </p:txBody>
      </p:sp>
      <p:sp>
        <p:nvSpPr>
          <p:cNvPr id="10" name="Freeform 9"/>
          <p:cNvSpPr/>
          <p:nvPr/>
        </p:nvSpPr>
        <p:spPr>
          <a:xfrm>
            <a:off x="7711508" y="2191211"/>
            <a:ext cx="4269821" cy="2430153"/>
          </a:xfrm>
          <a:custGeom>
            <a:avLst/>
            <a:gdLst>
              <a:gd name="connsiteX0" fmla="*/ 0 w 3777756"/>
              <a:gd name="connsiteY0" fmla="*/ 1033941 h 2067881"/>
              <a:gd name="connsiteX1" fmla="*/ 1888878 w 3777756"/>
              <a:gd name="connsiteY1" fmla="*/ 0 h 2067881"/>
              <a:gd name="connsiteX2" fmla="*/ 3777756 w 3777756"/>
              <a:gd name="connsiteY2" fmla="*/ 1033941 h 2067881"/>
              <a:gd name="connsiteX3" fmla="*/ 1888878 w 3777756"/>
              <a:gd name="connsiteY3" fmla="*/ 2067882 h 2067881"/>
              <a:gd name="connsiteX4" fmla="*/ 0 w 3777756"/>
              <a:gd name="connsiteY4" fmla="*/ 1033941 h 206788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3777756" h="2067881">
                <a:moveTo>
                  <a:pt x="0" y="1033941"/>
                </a:moveTo>
                <a:cubicBezTo>
                  <a:pt x="0" y="462911"/>
                  <a:pt x="845679" y="0"/>
                  <a:pt x="1888878" y="0"/>
                </a:cubicBezTo>
                <a:cubicBezTo>
                  <a:pt x="2932077" y="0"/>
                  <a:pt x="3777756" y="462911"/>
                  <a:pt x="3777756" y="1033941"/>
                </a:cubicBezTo>
                <a:cubicBezTo>
                  <a:pt x="3777756" y="1604971"/>
                  <a:pt x="2932077" y="2067882"/>
                  <a:pt x="1888878" y="2067882"/>
                </a:cubicBezTo>
                <a:cubicBezTo>
                  <a:pt x="845679" y="2067882"/>
                  <a:pt x="0" y="1604971"/>
                  <a:pt x="0" y="1033941"/>
                </a:cubicBezTo>
                <a:close/>
              </a:path>
            </a:pathLst>
          </a:custGeom>
          <a:solidFill>
            <a:schemeClr val="bg2"/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571020" tIns="320614" rIns="571020" bIns="320614" numCol="1" spcCol="1270" anchor="ctr" anchorCtr="0">
            <a:noAutofit/>
          </a:bodyPr>
          <a:lstStyle/>
          <a:p>
            <a:pPr lvl="0"/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ề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ao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ính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hủ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ự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</a:t>
            </a:r>
          </a:p>
          <a:p>
            <a:endParaRPr lang="en-US" sz="2800" dirty="0"/>
          </a:p>
        </p:txBody>
      </p:sp>
      <p:sp>
        <p:nvSpPr>
          <p:cNvPr id="11" name="Freeform 10"/>
          <p:cNvSpPr/>
          <p:nvPr/>
        </p:nvSpPr>
        <p:spPr>
          <a:xfrm rot="5400000">
            <a:off x="6047161" y="4599140"/>
            <a:ext cx="320080" cy="26771"/>
          </a:xfrm>
          <a:custGeom>
            <a:avLst/>
            <a:gdLst>
              <a:gd name="connsiteX0" fmla="*/ 0 w 320080"/>
              <a:gd name="connsiteY0" fmla="*/ 13385 h 26771"/>
              <a:gd name="connsiteX1" fmla="*/ 320080 w 320080"/>
              <a:gd name="connsiteY1" fmla="*/ 13385 h 267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320080" h="26771">
                <a:moveTo>
                  <a:pt x="0" y="13385"/>
                </a:moveTo>
                <a:lnTo>
                  <a:pt x="320080" y="13385"/>
                </a:lnTo>
              </a:path>
            </a:pathLst>
          </a:custGeom>
          <a:noFill/>
        </p:spPr>
        <p:style>
          <a:lnRef idx="2">
            <a:schemeClr val="accent1">
              <a:shade val="60000"/>
              <a:hueOff val="0"/>
              <a:satOff val="0"/>
              <a:lumOff val="0"/>
              <a:alphaOff val="0"/>
            </a:schemeClr>
          </a:lnRef>
          <a:fillRef idx="0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tx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164739" tIns="5383" rIns="164737" bIns="5384" numCol="1" spcCol="1270" anchor="ctr" anchorCtr="0">
            <a:noAutofit/>
          </a:bodyPr>
          <a:lstStyle/>
          <a:p>
            <a:pPr lvl="0" algn="ctr" defTabSz="22225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500" kern="1200"/>
          </a:p>
        </p:txBody>
      </p:sp>
      <p:sp>
        <p:nvSpPr>
          <p:cNvPr id="12" name="Freeform 11"/>
          <p:cNvSpPr/>
          <p:nvPr/>
        </p:nvSpPr>
        <p:spPr>
          <a:xfrm>
            <a:off x="2461499" y="4788877"/>
            <a:ext cx="7384919" cy="1847913"/>
          </a:xfrm>
          <a:custGeom>
            <a:avLst/>
            <a:gdLst>
              <a:gd name="connsiteX0" fmla="*/ 0 w 6637135"/>
              <a:gd name="connsiteY0" fmla="*/ 875880 h 1751759"/>
              <a:gd name="connsiteX1" fmla="*/ 3318568 w 6637135"/>
              <a:gd name="connsiteY1" fmla="*/ 0 h 1751759"/>
              <a:gd name="connsiteX2" fmla="*/ 6637136 w 6637135"/>
              <a:gd name="connsiteY2" fmla="*/ 875880 h 1751759"/>
              <a:gd name="connsiteX3" fmla="*/ 3318568 w 6637135"/>
              <a:gd name="connsiteY3" fmla="*/ 1751760 h 1751759"/>
              <a:gd name="connsiteX4" fmla="*/ 0 w 6637135"/>
              <a:gd name="connsiteY4" fmla="*/ 875880 h 175175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6637135" h="1751759">
                <a:moveTo>
                  <a:pt x="0" y="875880"/>
                </a:moveTo>
                <a:cubicBezTo>
                  <a:pt x="0" y="392145"/>
                  <a:pt x="1485774" y="0"/>
                  <a:pt x="3318568" y="0"/>
                </a:cubicBezTo>
                <a:cubicBezTo>
                  <a:pt x="5151362" y="0"/>
                  <a:pt x="6637136" y="392145"/>
                  <a:pt x="6637136" y="875880"/>
                </a:cubicBezTo>
                <a:cubicBezTo>
                  <a:pt x="6637136" y="1359615"/>
                  <a:pt x="5151362" y="1751760"/>
                  <a:pt x="3318568" y="1751760"/>
                </a:cubicBezTo>
                <a:cubicBezTo>
                  <a:pt x="1485774" y="1751760"/>
                  <a:pt x="0" y="1359615"/>
                  <a:pt x="0" y="875880"/>
                </a:cubicBezTo>
                <a:close/>
              </a:path>
            </a:pathLst>
          </a:custGeom>
          <a:solidFill>
            <a:schemeClr val="bg2"/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989766" tIns="274319" rIns="989766" bIns="274319" numCol="1" spcCol="1270" anchor="ctr" anchorCtr="0">
            <a:noAutofit/>
          </a:bodyPr>
          <a:lstStyle/>
          <a:p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Có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ự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ương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ác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ữa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áo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iên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inh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oa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ân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iện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,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ễ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sử</a:t>
            </a:r>
            <a:r>
              <a:rPr lang="en-US" sz="2800" dirty="0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dirty="0" err="1" smtClean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dụng</a:t>
            </a:r>
            <a:endParaRPr lang="en-US" sz="2800" dirty="0" smtClean="0"/>
          </a:p>
        </p:txBody>
      </p:sp>
      <p:sp>
        <p:nvSpPr>
          <p:cNvPr id="13" name="Freeform 12"/>
          <p:cNvSpPr/>
          <p:nvPr/>
        </p:nvSpPr>
        <p:spPr>
          <a:xfrm rot="21484467">
            <a:off x="4699677" y="3401525"/>
            <a:ext cx="253357" cy="26772"/>
          </a:xfrm>
          <a:custGeom>
            <a:avLst/>
            <a:gdLst>
              <a:gd name="connsiteX0" fmla="*/ 0 w 253357"/>
              <a:gd name="connsiteY0" fmla="*/ 13385 h 26771"/>
              <a:gd name="connsiteX1" fmla="*/ 253357 w 253357"/>
              <a:gd name="connsiteY1" fmla="*/ 13385 h 26771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</a:cxnLst>
            <a:rect l="l" t="t" r="r" b="b"/>
            <a:pathLst>
              <a:path w="253357" h="26771">
                <a:moveTo>
                  <a:pt x="253357" y="13386"/>
                </a:moveTo>
                <a:lnTo>
                  <a:pt x="0" y="13386"/>
                </a:lnTo>
              </a:path>
            </a:pathLst>
          </a:custGeom>
          <a:noFill/>
        </p:spPr>
        <p:style>
          <a:lnRef idx="2">
            <a:schemeClr val="accent1">
              <a:shade val="60000"/>
              <a:hueOff val="0"/>
              <a:satOff val="0"/>
              <a:lumOff val="0"/>
              <a:alphaOff val="0"/>
            </a:schemeClr>
          </a:lnRef>
          <a:fillRef idx="0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tx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133044" tIns="7053" rIns="133045" bIns="7051" numCol="1" spcCol="1270" anchor="ctr" anchorCtr="0">
            <a:noAutofit/>
          </a:bodyPr>
          <a:lstStyle/>
          <a:p>
            <a:pPr lvl="0" algn="ctr" defTabSz="22225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500" kern="1200"/>
          </a:p>
        </p:txBody>
      </p:sp>
      <p:sp>
        <p:nvSpPr>
          <p:cNvPr id="14" name="Freeform 13"/>
          <p:cNvSpPr/>
          <p:nvPr/>
        </p:nvSpPr>
        <p:spPr>
          <a:xfrm>
            <a:off x="480331" y="2191211"/>
            <a:ext cx="4222562" cy="2597666"/>
          </a:xfrm>
          <a:custGeom>
            <a:avLst/>
            <a:gdLst>
              <a:gd name="connsiteX0" fmla="*/ 0 w 4222562"/>
              <a:gd name="connsiteY0" fmla="*/ 1298833 h 2597666"/>
              <a:gd name="connsiteX1" fmla="*/ 2111281 w 4222562"/>
              <a:gd name="connsiteY1" fmla="*/ 0 h 2597666"/>
              <a:gd name="connsiteX2" fmla="*/ 4222562 w 4222562"/>
              <a:gd name="connsiteY2" fmla="*/ 1298833 h 2597666"/>
              <a:gd name="connsiteX3" fmla="*/ 2111281 w 4222562"/>
              <a:gd name="connsiteY3" fmla="*/ 2597666 h 2597666"/>
              <a:gd name="connsiteX4" fmla="*/ 0 w 4222562"/>
              <a:gd name="connsiteY4" fmla="*/ 1298833 h 2597666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4222562" h="2597666">
                <a:moveTo>
                  <a:pt x="0" y="1298833"/>
                </a:moveTo>
                <a:cubicBezTo>
                  <a:pt x="0" y="581507"/>
                  <a:pt x="945253" y="0"/>
                  <a:pt x="2111281" y="0"/>
                </a:cubicBezTo>
                <a:cubicBezTo>
                  <a:pt x="3277309" y="0"/>
                  <a:pt x="4222562" y="581507"/>
                  <a:pt x="4222562" y="1298833"/>
                </a:cubicBezTo>
                <a:cubicBezTo>
                  <a:pt x="4222562" y="2016159"/>
                  <a:pt x="3277309" y="2597666"/>
                  <a:pt x="2111281" y="2597666"/>
                </a:cubicBezTo>
                <a:cubicBezTo>
                  <a:pt x="945253" y="2597666"/>
                  <a:pt x="0" y="2016159"/>
                  <a:pt x="0" y="1298833"/>
                </a:cubicBezTo>
                <a:close/>
              </a:path>
            </a:pathLst>
          </a:custGeom>
          <a:solidFill>
            <a:schemeClr val="bg2"/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636160" tIns="398199" rIns="636160" bIns="398199" numCol="1" spcCol="1270" anchor="ctr" anchorCtr="0">
            <a:noAutofit/>
          </a:bodyPr>
          <a:lstStyle/>
          <a:p>
            <a:pPr lvl="0" algn="ctr" defTabSz="12446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Linh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động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ề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hời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an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và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không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gian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học</a:t>
            </a:r>
            <a:r>
              <a:rPr lang="en-US" sz="2800" kern="1200" dirty="0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sz="2800" kern="1200" dirty="0" err="1" smtClean="0">
                <a:solidFill>
                  <a:schemeClr val="tx1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tập</a:t>
            </a:r>
            <a:endParaRPr lang="en-US" sz="2800" kern="1200" dirty="0">
              <a:solidFill>
                <a:schemeClr val="tx1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97269310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7" grpId="0" animBg="1"/>
      <p:bldP spid="10" grpId="0" animBg="1"/>
      <p:bldP spid="12" grpId="0" animBg="1"/>
      <p:bldP spid="14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3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80137" y="9705"/>
            <a:ext cx="12192000" cy="68913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2" name="Group 2"/>
          <p:cNvGrpSpPr/>
          <p:nvPr/>
        </p:nvGrpSpPr>
        <p:grpSpPr>
          <a:xfrm>
            <a:off x="513132" y="2413756"/>
            <a:ext cx="2050808" cy="652222"/>
            <a:chOff x="5081" y="12701"/>
            <a:chExt cx="10352604" cy="3205478"/>
          </a:xfrm>
        </p:grpSpPr>
        <p:sp>
          <p:nvSpPr>
            <p:cNvPr id="3" name="Freeform 3"/>
            <p:cNvSpPr/>
            <p:nvPr/>
          </p:nvSpPr>
          <p:spPr>
            <a:xfrm>
              <a:off x="5081" y="12701"/>
              <a:ext cx="10352604" cy="3205478"/>
            </a:xfrm>
            <a:custGeom>
              <a:avLst/>
              <a:gdLst/>
              <a:ahLst/>
              <a:cxnLst/>
              <a:rect l="l" t="t" r="r" b="b"/>
              <a:pathLst>
                <a:path w="10352606" h="3205480">
                  <a:moveTo>
                    <a:pt x="9562665" y="3205480"/>
                  </a:moveTo>
                  <a:lnTo>
                    <a:pt x="0" y="3205480"/>
                  </a:lnTo>
                  <a:lnTo>
                    <a:pt x="791210" y="1602740"/>
                  </a:lnTo>
                  <a:lnTo>
                    <a:pt x="0" y="0"/>
                  </a:lnTo>
                  <a:lnTo>
                    <a:pt x="9562665" y="0"/>
                  </a:lnTo>
                  <a:lnTo>
                    <a:pt x="10352606" y="1602740"/>
                  </a:lnTo>
                  <a:lnTo>
                    <a:pt x="9562665" y="3205480"/>
                  </a:lnTo>
                  <a:close/>
                </a:path>
              </a:pathLst>
            </a:custGeom>
            <a:solidFill>
              <a:srgbClr val="86EAE9"/>
            </a:solidFill>
          </p:spPr>
          <p:txBody>
            <a:bodyPr/>
            <a:lstStyle/>
            <a:p>
              <a:endParaRPr lang="en-US" sz="1200"/>
            </a:p>
          </p:txBody>
        </p:sp>
      </p:grpSp>
      <p:grpSp>
        <p:nvGrpSpPr>
          <p:cNvPr id="4" name="Group 4"/>
          <p:cNvGrpSpPr/>
          <p:nvPr/>
        </p:nvGrpSpPr>
        <p:grpSpPr>
          <a:xfrm>
            <a:off x="2944256" y="2430870"/>
            <a:ext cx="2050808" cy="652222"/>
            <a:chOff x="0" y="0"/>
            <a:chExt cx="10367846" cy="3230880"/>
          </a:xfrm>
        </p:grpSpPr>
        <p:sp>
          <p:nvSpPr>
            <p:cNvPr id="5" name="Freeform 5"/>
            <p:cNvSpPr/>
            <p:nvPr/>
          </p:nvSpPr>
          <p:spPr>
            <a:xfrm>
              <a:off x="5080" y="12700"/>
              <a:ext cx="10352606" cy="3205480"/>
            </a:xfrm>
            <a:custGeom>
              <a:avLst/>
              <a:gdLst/>
              <a:ahLst/>
              <a:cxnLst/>
              <a:rect l="l" t="t" r="r" b="b"/>
              <a:pathLst>
                <a:path w="10352606" h="3205480">
                  <a:moveTo>
                    <a:pt x="9562665" y="3205480"/>
                  </a:moveTo>
                  <a:lnTo>
                    <a:pt x="0" y="3205480"/>
                  </a:lnTo>
                  <a:lnTo>
                    <a:pt x="791210" y="1602740"/>
                  </a:lnTo>
                  <a:lnTo>
                    <a:pt x="0" y="0"/>
                  </a:lnTo>
                  <a:lnTo>
                    <a:pt x="9562665" y="0"/>
                  </a:lnTo>
                  <a:lnTo>
                    <a:pt x="10352606" y="1602740"/>
                  </a:lnTo>
                  <a:lnTo>
                    <a:pt x="9562665" y="3205480"/>
                  </a:lnTo>
                  <a:close/>
                </a:path>
              </a:pathLst>
            </a:custGeom>
            <a:solidFill>
              <a:srgbClr val="3EDAD8"/>
            </a:solidFill>
          </p:spPr>
          <p:txBody>
            <a:bodyPr/>
            <a:lstStyle/>
            <a:p>
              <a:endParaRPr lang="en-US" sz="1200"/>
            </a:p>
          </p:txBody>
        </p:sp>
      </p:grpSp>
      <p:grpSp>
        <p:nvGrpSpPr>
          <p:cNvPr id="6" name="Group 6"/>
          <p:cNvGrpSpPr/>
          <p:nvPr/>
        </p:nvGrpSpPr>
        <p:grpSpPr>
          <a:xfrm>
            <a:off x="5297216" y="2466004"/>
            <a:ext cx="2050808" cy="652222"/>
            <a:chOff x="0" y="0"/>
            <a:chExt cx="10367846" cy="3230880"/>
          </a:xfrm>
        </p:grpSpPr>
        <p:sp>
          <p:nvSpPr>
            <p:cNvPr id="7" name="Freeform 7"/>
            <p:cNvSpPr/>
            <p:nvPr/>
          </p:nvSpPr>
          <p:spPr>
            <a:xfrm>
              <a:off x="5080" y="12700"/>
              <a:ext cx="10352606" cy="3205480"/>
            </a:xfrm>
            <a:custGeom>
              <a:avLst/>
              <a:gdLst/>
              <a:ahLst/>
              <a:cxnLst/>
              <a:rect l="l" t="t" r="r" b="b"/>
              <a:pathLst>
                <a:path w="10352606" h="3205480">
                  <a:moveTo>
                    <a:pt x="9562665" y="3205480"/>
                  </a:moveTo>
                  <a:lnTo>
                    <a:pt x="0" y="3205480"/>
                  </a:lnTo>
                  <a:lnTo>
                    <a:pt x="791210" y="1602740"/>
                  </a:lnTo>
                  <a:lnTo>
                    <a:pt x="0" y="0"/>
                  </a:lnTo>
                  <a:lnTo>
                    <a:pt x="9562665" y="0"/>
                  </a:lnTo>
                  <a:lnTo>
                    <a:pt x="10352606" y="1602740"/>
                  </a:lnTo>
                  <a:lnTo>
                    <a:pt x="9562665" y="3205480"/>
                  </a:lnTo>
                  <a:close/>
                </a:path>
              </a:pathLst>
            </a:custGeom>
            <a:solidFill>
              <a:srgbClr val="37C9EF"/>
            </a:solidFill>
          </p:spPr>
          <p:txBody>
            <a:bodyPr/>
            <a:lstStyle/>
            <a:p>
              <a:endParaRPr lang="en-US" sz="1200"/>
            </a:p>
          </p:txBody>
        </p:sp>
      </p:grpSp>
      <p:grpSp>
        <p:nvGrpSpPr>
          <p:cNvPr id="8" name="Group 8"/>
          <p:cNvGrpSpPr/>
          <p:nvPr/>
        </p:nvGrpSpPr>
        <p:grpSpPr>
          <a:xfrm>
            <a:off x="7724235" y="2503905"/>
            <a:ext cx="2050808" cy="652222"/>
            <a:chOff x="0" y="0"/>
            <a:chExt cx="10367846" cy="3230880"/>
          </a:xfrm>
        </p:grpSpPr>
        <p:sp>
          <p:nvSpPr>
            <p:cNvPr id="9" name="Freeform 9"/>
            <p:cNvSpPr/>
            <p:nvPr/>
          </p:nvSpPr>
          <p:spPr>
            <a:xfrm>
              <a:off x="5080" y="12700"/>
              <a:ext cx="10352606" cy="3205480"/>
            </a:xfrm>
            <a:custGeom>
              <a:avLst/>
              <a:gdLst/>
              <a:ahLst/>
              <a:cxnLst/>
              <a:rect l="l" t="t" r="r" b="b"/>
              <a:pathLst>
                <a:path w="10352606" h="3205480">
                  <a:moveTo>
                    <a:pt x="9562665" y="3205480"/>
                  </a:moveTo>
                  <a:lnTo>
                    <a:pt x="0" y="3205480"/>
                  </a:lnTo>
                  <a:lnTo>
                    <a:pt x="791210" y="1602740"/>
                  </a:lnTo>
                  <a:lnTo>
                    <a:pt x="0" y="0"/>
                  </a:lnTo>
                  <a:lnTo>
                    <a:pt x="9562665" y="0"/>
                  </a:lnTo>
                  <a:lnTo>
                    <a:pt x="10352606" y="1602740"/>
                  </a:lnTo>
                  <a:lnTo>
                    <a:pt x="9562665" y="3205480"/>
                  </a:lnTo>
                  <a:close/>
                </a:path>
              </a:pathLst>
            </a:custGeom>
            <a:solidFill>
              <a:srgbClr val="2C92D5"/>
            </a:solidFill>
          </p:spPr>
          <p:txBody>
            <a:bodyPr/>
            <a:lstStyle/>
            <a:p>
              <a:endParaRPr lang="en-US" sz="1200"/>
            </a:p>
          </p:txBody>
        </p:sp>
      </p:grpSp>
      <p:sp>
        <p:nvSpPr>
          <p:cNvPr id="13" name="TextBox 13"/>
          <p:cNvSpPr txBox="1"/>
          <p:nvPr/>
        </p:nvSpPr>
        <p:spPr>
          <a:xfrm>
            <a:off x="1209923" y="2577108"/>
            <a:ext cx="290809" cy="423193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pPr algn="ctr">
              <a:lnSpc>
                <a:spcPts val="3267"/>
              </a:lnSpc>
            </a:pPr>
            <a:r>
              <a:rPr lang="en-US" sz="2400" spc="117" dirty="0">
                <a:solidFill>
                  <a:srgbClr val="FFFFFF"/>
                </a:solidFill>
                <a:latin typeface="Arimo Bold"/>
              </a:rPr>
              <a:t>1</a:t>
            </a:r>
          </a:p>
        </p:txBody>
      </p:sp>
      <p:sp>
        <p:nvSpPr>
          <p:cNvPr id="14" name="TextBox 14"/>
          <p:cNvSpPr txBox="1"/>
          <p:nvPr/>
        </p:nvSpPr>
        <p:spPr>
          <a:xfrm>
            <a:off x="6220460" y="2608523"/>
            <a:ext cx="385387" cy="38549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267"/>
              </a:lnSpc>
            </a:pPr>
            <a:r>
              <a:rPr lang="en-US" sz="2333" spc="117" dirty="0">
                <a:solidFill>
                  <a:srgbClr val="FFFFFF"/>
                </a:solidFill>
                <a:latin typeface="Arimo Bold"/>
              </a:rPr>
              <a:t>3</a:t>
            </a:r>
          </a:p>
        </p:txBody>
      </p:sp>
      <p:sp>
        <p:nvSpPr>
          <p:cNvPr id="16" name="TextBox 16"/>
          <p:cNvSpPr txBox="1"/>
          <p:nvPr/>
        </p:nvSpPr>
        <p:spPr>
          <a:xfrm>
            <a:off x="3657879" y="2564236"/>
            <a:ext cx="385387" cy="38549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267"/>
              </a:lnSpc>
            </a:pPr>
            <a:r>
              <a:rPr lang="en-US" sz="2333" spc="117" dirty="0">
                <a:solidFill>
                  <a:srgbClr val="FFFFFF"/>
                </a:solidFill>
                <a:latin typeface="Arimo Bold"/>
              </a:rPr>
              <a:t>2</a:t>
            </a:r>
          </a:p>
        </p:txBody>
      </p:sp>
      <p:sp>
        <p:nvSpPr>
          <p:cNvPr id="17" name="TextBox 17"/>
          <p:cNvSpPr txBox="1"/>
          <p:nvPr/>
        </p:nvSpPr>
        <p:spPr>
          <a:xfrm>
            <a:off x="8489207" y="2608523"/>
            <a:ext cx="385387" cy="38549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267"/>
              </a:lnSpc>
            </a:pPr>
            <a:r>
              <a:rPr lang="en-US" sz="2333" spc="117" dirty="0">
                <a:solidFill>
                  <a:srgbClr val="FFFFFF"/>
                </a:solidFill>
                <a:latin typeface="Arimo Bold"/>
              </a:rPr>
              <a:t>4</a:t>
            </a:r>
          </a:p>
        </p:txBody>
      </p:sp>
      <p:grpSp>
        <p:nvGrpSpPr>
          <p:cNvPr id="42" name="Group 41">
            <a:extLst>
              <a:ext uri="{FF2B5EF4-FFF2-40B4-BE49-F238E27FC236}">
                <a16:creationId xmlns:a16="http://schemas.microsoft.com/office/drawing/2014/main" id="{74CC96D1-9180-4D53-F645-B889E3EEEC7B}"/>
              </a:ext>
            </a:extLst>
          </p:cNvPr>
          <p:cNvGrpSpPr/>
          <p:nvPr/>
        </p:nvGrpSpPr>
        <p:grpSpPr>
          <a:xfrm>
            <a:off x="3002297" y="3297306"/>
            <a:ext cx="1850212" cy="3103888"/>
            <a:chOff x="4045295" y="3207163"/>
            <a:chExt cx="1850212" cy="3103888"/>
          </a:xfrm>
        </p:grpSpPr>
        <p:sp>
          <p:nvSpPr>
            <p:cNvPr id="20" name="AutoShape 20"/>
            <p:cNvSpPr/>
            <p:nvPr/>
          </p:nvSpPr>
          <p:spPr>
            <a:xfrm>
              <a:off x="4045295" y="3387449"/>
              <a:ext cx="1850212" cy="2923602"/>
            </a:xfrm>
            <a:prstGeom prst="rect">
              <a:avLst/>
            </a:prstGeom>
            <a:solidFill>
              <a:srgbClr val="3EDAD8"/>
            </a:solidFill>
          </p:spPr>
          <p:txBody>
            <a:bodyPr/>
            <a:lstStyle/>
            <a:p>
              <a:endParaRPr lang="en-US" dirty="0">
                <a:solidFill>
                  <a:srgbClr val="00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  <a:p>
              <a:pPr defTabSz="1083912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Xây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dựng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kho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tư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liệu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để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phục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vụ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bài</a:t>
              </a:r>
              <a:r>
                <a: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rPr>
                <a:t> </a:t>
              </a:r>
              <a:r>
                <a:rPr lang="en-US" sz="2400" dirty="0" err="1">
                  <a:latin typeface="Times New Roman" panose="02020603050405020304" pitchFamily="18" charset="0"/>
                  <a:cs typeface="Times New Roman" panose="02020603050405020304" pitchFamily="18" charset="0"/>
                </a:rPr>
                <a:t>giảng</a:t>
              </a:r>
              <a:endParaRPr lang="en-US" sz="2400" dirty="0">
                <a:latin typeface="Times New Roman" panose="02020603050405020304" pitchFamily="18" charset="0"/>
                <a:cs typeface="Times New Roman" panose="02020603050405020304" pitchFamily="18" charset="0"/>
              </a:endParaRPr>
            </a:p>
          </p:txBody>
        </p:sp>
        <p:grpSp>
          <p:nvGrpSpPr>
            <p:cNvPr id="21" name="Group 21"/>
            <p:cNvGrpSpPr>
              <a:grpSpLocks noChangeAspect="1"/>
            </p:cNvGrpSpPr>
            <p:nvPr/>
          </p:nvGrpSpPr>
          <p:grpSpPr>
            <a:xfrm rot="-10800000">
              <a:off x="4822284" y="3207163"/>
              <a:ext cx="296235" cy="199179"/>
              <a:chOff x="0" y="0"/>
              <a:chExt cx="1930400" cy="1297940"/>
            </a:xfrm>
          </p:grpSpPr>
          <p:sp>
            <p:nvSpPr>
              <p:cNvPr id="22" name="Freeform 22"/>
              <p:cNvSpPr/>
              <p:nvPr/>
            </p:nvSpPr>
            <p:spPr>
              <a:xfrm>
                <a:off x="0" y="0"/>
                <a:ext cx="1930400" cy="1297940"/>
              </a:xfrm>
              <a:custGeom>
                <a:avLst/>
                <a:gdLst/>
                <a:ahLst/>
                <a:cxnLst/>
                <a:rect l="l" t="t" r="r" b="b"/>
                <a:pathLst>
                  <a:path w="1930400" h="1297940">
                    <a:moveTo>
                      <a:pt x="0" y="0"/>
                    </a:moveTo>
                    <a:lnTo>
                      <a:pt x="965200" y="1297940"/>
                    </a:lnTo>
                    <a:lnTo>
                      <a:pt x="1930400" y="0"/>
                    </a:lnTo>
                    <a:close/>
                  </a:path>
                </a:pathLst>
              </a:custGeom>
              <a:solidFill>
                <a:srgbClr val="3EDAD8"/>
              </a:solidFill>
            </p:spPr>
            <p:txBody>
              <a:bodyPr/>
              <a:lstStyle/>
              <a:p>
                <a:endParaRPr lang="en-US" sz="1200" dirty="0"/>
              </a:p>
            </p:txBody>
          </p:sp>
        </p:grpSp>
      </p:grpSp>
      <p:sp>
        <p:nvSpPr>
          <p:cNvPr id="32" name="TextBox 32"/>
          <p:cNvSpPr txBox="1"/>
          <p:nvPr/>
        </p:nvSpPr>
        <p:spPr>
          <a:xfrm>
            <a:off x="699602" y="1512507"/>
            <a:ext cx="11610109" cy="860620"/>
          </a:xfrm>
          <a:prstGeom prst="rect">
            <a:avLst/>
          </a:prstGeom>
        </p:spPr>
        <p:txBody>
          <a:bodyPr wrap="square" lIns="0" tIns="0" rIns="0" bIns="0" rtlCol="0" anchor="t">
            <a:spAutoFit/>
          </a:bodyPr>
          <a:lstStyle/>
          <a:p>
            <a:r>
              <a:rPr lang="en" sz="28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r>
              <a:rPr lang="en" sz="3200" b="1" dirty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. </a:t>
            </a:r>
            <a:r>
              <a:rPr lang="vi-VN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Giới thiệu sơ lược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các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bước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vi-VN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hiết kế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bài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200" b="1" dirty="0" err="1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giảng</a:t>
            </a:r>
            <a:r>
              <a:rPr lang="en-US" sz="3200" b="1" dirty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.</a:t>
            </a:r>
            <a:endParaRPr lang="en-VN" sz="32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  <a:p>
            <a:pPr algn="ctr">
              <a:lnSpc>
                <a:spcPts val="3144"/>
              </a:lnSpc>
              <a:spcBef>
                <a:spcPct val="0"/>
              </a:spcBef>
            </a:pPr>
            <a:endParaRPr lang="en-US" sz="2400" spc="71" dirty="0">
              <a:solidFill>
                <a:srgbClr val="13538A"/>
              </a:solidFill>
              <a:latin typeface="Clear Sans Bold"/>
            </a:endParaRPr>
          </a:p>
        </p:txBody>
      </p:sp>
      <p:grpSp>
        <p:nvGrpSpPr>
          <p:cNvPr id="41" name="Group 40">
            <a:extLst>
              <a:ext uri="{FF2B5EF4-FFF2-40B4-BE49-F238E27FC236}">
                <a16:creationId xmlns:a16="http://schemas.microsoft.com/office/drawing/2014/main" id="{30F6186F-09F0-E8A4-905B-E57AA88A6BA9}"/>
              </a:ext>
            </a:extLst>
          </p:cNvPr>
          <p:cNvGrpSpPr/>
          <p:nvPr/>
        </p:nvGrpSpPr>
        <p:grpSpPr>
          <a:xfrm>
            <a:off x="518464" y="3207163"/>
            <a:ext cx="1850213" cy="3122781"/>
            <a:chOff x="1943853" y="3207163"/>
            <a:chExt cx="1850213" cy="3122781"/>
          </a:xfrm>
        </p:grpSpPr>
        <p:grpSp>
          <p:nvGrpSpPr>
            <p:cNvPr id="18" name="Group 18"/>
            <p:cNvGrpSpPr>
              <a:grpSpLocks noChangeAspect="1"/>
            </p:cNvGrpSpPr>
            <p:nvPr/>
          </p:nvGrpSpPr>
          <p:grpSpPr>
            <a:xfrm rot="-10800000">
              <a:off x="2629886" y="3207163"/>
              <a:ext cx="296235" cy="199179"/>
              <a:chOff x="0" y="0"/>
              <a:chExt cx="1930400" cy="1297940"/>
            </a:xfrm>
          </p:grpSpPr>
          <p:sp>
            <p:nvSpPr>
              <p:cNvPr id="19" name="Freeform 19"/>
              <p:cNvSpPr/>
              <p:nvPr/>
            </p:nvSpPr>
            <p:spPr>
              <a:xfrm>
                <a:off x="0" y="0"/>
                <a:ext cx="1930400" cy="1297940"/>
              </a:xfrm>
              <a:custGeom>
                <a:avLst/>
                <a:gdLst/>
                <a:ahLst/>
                <a:cxnLst/>
                <a:rect l="l" t="t" r="r" b="b"/>
                <a:pathLst>
                  <a:path w="1930400" h="1297940">
                    <a:moveTo>
                      <a:pt x="0" y="0"/>
                    </a:moveTo>
                    <a:lnTo>
                      <a:pt x="965200" y="1297940"/>
                    </a:lnTo>
                    <a:lnTo>
                      <a:pt x="1930400" y="0"/>
                    </a:lnTo>
                    <a:close/>
                  </a:path>
                </a:pathLst>
              </a:custGeom>
              <a:solidFill>
                <a:srgbClr val="86EAE9"/>
              </a:solidFill>
            </p:spPr>
            <p:txBody>
              <a:bodyPr/>
              <a:lstStyle/>
              <a:p>
                <a:endParaRPr lang="en-US" sz="1200"/>
              </a:p>
            </p:txBody>
          </p:sp>
        </p:grpSp>
        <p:grpSp>
          <p:nvGrpSpPr>
            <p:cNvPr id="38" name="Group 37">
              <a:extLst>
                <a:ext uri="{FF2B5EF4-FFF2-40B4-BE49-F238E27FC236}">
                  <a16:creationId xmlns:a16="http://schemas.microsoft.com/office/drawing/2014/main" id="{F407736D-65C4-2ED6-D541-862FFEFB4C3D}"/>
                </a:ext>
              </a:extLst>
            </p:cNvPr>
            <p:cNvGrpSpPr/>
            <p:nvPr/>
          </p:nvGrpSpPr>
          <p:grpSpPr>
            <a:xfrm>
              <a:off x="1943853" y="3406342"/>
              <a:ext cx="1850213" cy="2923602"/>
              <a:chOff x="1943853" y="3406342"/>
              <a:chExt cx="1850213" cy="2923602"/>
            </a:xfrm>
          </p:grpSpPr>
          <p:sp>
            <p:nvSpPr>
              <p:cNvPr id="12" name="AutoShape 12"/>
              <p:cNvSpPr/>
              <p:nvPr/>
            </p:nvSpPr>
            <p:spPr>
              <a:xfrm>
                <a:off x="1943853" y="3406342"/>
                <a:ext cx="1850213" cy="2923602"/>
              </a:xfrm>
              <a:prstGeom prst="rect">
                <a:avLst/>
              </a:prstGeom>
              <a:solidFill>
                <a:srgbClr val="86EAE9"/>
              </a:solidFill>
            </p:spPr>
            <p:txBody>
              <a:bodyPr/>
              <a:lstStyle/>
              <a:p>
                <a:endParaRPr lang="en-US" sz="1200"/>
              </a:p>
            </p:txBody>
          </p:sp>
          <p:sp>
            <p:nvSpPr>
              <p:cNvPr id="33" name="TextBox 32">
                <a:extLst>
                  <a:ext uri="{FF2B5EF4-FFF2-40B4-BE49-F238E27FC236}">
                    <a16:creationId xmlns:a16="http://schemas.microsoft.com/office/drawing/2014/main" id="{0DBE9576-67C4-AA83-B87A-0195A8FA5077}"/>
                  </a:ext>
                </a:extLst>
              </p:cNvPr>
              <p:cNvSpPr txBox="1"/>
              <p:nvPr/>
            </p:nvSpPr>
            <p:spPr>
              <a:xfrm>
                <a:off x="2084772" y="3612863"/>
                <a:ext cx="1709294" cy="25853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defTabSz="1083912">
                  <a:lnSpc>
                    <a:spcPct val="90000"/>
                  </a:lnSpc>
                  <a:spcBef>
                    <a:spcPct val="0"/>
                  </a:spcBef>
                  <a:spcAft>
                    <a:spcPct val="35000"/>
                  </a:spcAft>
                </a:pP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ác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định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được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yêu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ầu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ần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đạt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,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kiến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thức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ơ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bản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ủa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bài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học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.</a:t>
                </a:r>
                <a:endPara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  <a:p>
                <a:endParaRPr lang="en-US" sz="2400" dirty="0"/>
              </a:p>
            </p:txBody>
          </p:sp>
        </p:grpSp>
      </p:grpSp>
      <p:grpSp>
        <p:nvGrpSpPr>
          <p:cNvPr id="43" name="Group 42">
            <a:extLst>
              <a:ext uri="{FF2B5EF4-FFF2-40B4-BE49-F238E27FC236}">
                <a16:creationId xmlns:a16="http://schemas.microsoft.com/office/drawing/2014/main" id="{0C1126D8-F261-2ABD-D3B0-208946760461}"/>
              </a:ext>
            </a:extLst>
          </p:cNvPr>
          <p:cNvGrpSpPr/>
          <p:nvPr/>
        </p:nvGrpSpPr>
        <p:grpSpPr>
          <a:xfrm>
            <a:off x="5497811" y="3284811"/>
            <a:ext cx="1850213" cy="3103888"/>
            <a:chOff x="6237693" y="3207163"/>
            <a:chExt cx="1850213" cy="3103888"/>
          </a:xfrm>
        </p:grpSpPr>
        <p:grpSp>
          <p:nvGrpSpPr>
            <p:cNvPr id="24" name="Group 24"/>
            <p:cNvGrpSpPr>
              <a:grpSpLocks noChangeAspect="1"/>
            </p:cNvGrpSpPr>
            <p:nvPr/>
          </p:nvGrpSpPr>
          <p:grpSpPr>
            <a:xfrm rot="-10800000">
              <a:off x="7014682" y="3207163"/>
              <a:ext cx="296235" cy="199179"/>
              <a:chOff x="0" y="0"/>
              <a:chExt cx="1930400" cy="1297940"/>
            </a:xfrm>
          </p:grpSpPr>
          <p:sp>
            <p:nvSpPr>
              <p:cNvPr id="25" name="Freeform 25"/>
              <p:cNvSpPr/>
              <p:nvPr/>
            </p:nvSpPr>
            <p:spPr>
              <a:xfrm>
                <a:off x="0" y="0"/>
                <a:ext cx="1930400" cy="1297940"/>
              </a:xfrm>
              <a:custGeom>
                <a:avLst/>
                <a:gdLst/>
                <a:ahLst/>
                <a:cxnLst/>
                <a:rect l="l" t="t" r="r" b="b"/>
                <a:pathLst>
                  <a:path w="1930400" h="1297940">
                    <a:moveTo>
                      <a:pt x="0" y="0"/>
                    </a:moveTo>
                    <a:lnTo>
                      <a:pt x="965200" y="1297940"/>
                    </a:lnTo>
                    <a:lnTo>
                      <a:pt x="1930400" y="0"/>
                    </a:lnTo>
                    <a:close/>
                  </a:path>
                </a:pathLst>
              </a:custGeom>
              <a:solidFill>
                <a:srgbClr val="37C9EF"/>
              </a:solidFill>
            </p:spPr>
            <p:txBody>
              <a:bodyPr/>
              <a:lstStyle/>
              <a:p>
                <a:endParaRPr lang="en-US" sz="1200"/>
              </a:p>
            </p:txBody>
          </p:sp>
        </p:grpSp>
        <p:grpSp>
          <p:nvGrpSpPr>
            <p:cNvPr id="39" name="Group 38">
              <a:extLst>
                <a:ext uri="{FF2B5EF4-FFF2-40B4-BE49-F238E27FC236}">
                  <a16:creationId xmlns:a16="http://schemas.microsoft.com/office/drawing/2014/main" id="{71CC0601-A32B-9245-67AB-0DC3AAB6B877}"/>
                </a:ext>
              </a:extLst>
            </p:cNvPr>
            <p:cNvGrpSpPr/>
            <p:nvPr/>
          </p:nvGrpSpPr>
          <p:grpSpPr>
            <a:xfrm>
              <a:off x="6237693" y="3387449"/>
              <a:ext cx="1850213" cy="2923602"/>
              <a:chOff x="6237693" y="3387449"/>
              <a:chExt cx="1850213" cy="2923602"/>
            </a:xfrm>
          </p:grpSpPr>
          <p:sp>
            <p:nvSpPr>
              <p:cNvPr id="23" name="AutoShape 23"/>
              <p:cNvSpPr/>
              <p:nvPr/>
            </p:nvSpPr>
            <p:spPr>
              <a:xfrm>
                <a:off x="6237693" y="3387449"/>
                <a:ext cx="1850213" cy="2923602"/>
              </a:xfrm>
              <a:prstGeom prst="rect">
                <a:avLst/>
              </a:prstGeom>
              <a:solidFill>
                <a:srgbClr val="37C9EF"/>
              </a:solidFill>
            </p:spPr>
            <p:txBody>
              <a:bodyPr/>
              <a:lstStyle/>
              <a:p>
                <a:endParaRPr lang="en-US" sz="1200"/>
              </a:p>
            </p:txBody>
          </p:sp>
          <p:sp>
            <p:nvSpPr>
              <p:cNvPr id="35" name="TextBox 34">
                <a:extLst>
                  <a:ext uri="{FF2B5EF4-FFF2-40B4-BE49-F238E27FC236}">
                    <a16:creationId xmlns:a16="http://schemas.microsoft.com/office/drawing/2014/main" id="{E5549234-9901-DED2-9C9C-C754DB567F1B}"/>
                  </a:ext>
                </a:extLst>
              </p:cNvPr>
              <p:cNvSpPr txBox="1"/>
              <p:nvPr/>
            </p:nvSpPr>
            <p:spPr>
              <a:xfrm>
                <a:off x="6443917" y="3726873"/>
                <a:ext cx="1496291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ây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dựng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kế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hoạch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bài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giảng</a:t>
                </a:r>
                <a:endParaRPr lang="en-US" sz="2400" dirty="0"/>
              </a:p>
            </p:txBody>
          </p:sp>
        </p:grpSp>
      </p:grpSp>
      <p:grpSp>
        <p:nvGrpSpPr>
          <p:cNvPr id="44" name="Group 43">
            <a:extLst>
              <a:ext uri="{FF2B5EF4-FFF2-40B4-BE49-F238E27FC236}">
                <a16:creationId xmlns:a16="http://schemas.microsoft.com/office/drawing/2014/main" id="{AF847776-031D-5BF1-EBDE-324F8E95BA9D}"/>
              </a:ext>
            </a:extLst>
          </p:cNvPr>
          <p:cNvGrpSpPr/>
          <p:nvPr/>
        </p:nvGrpSpPr>
        <p:grpSpPr>
          <a:xfrm>
            <a:off x="7824029" y="3207163"/>
            <a:ext cx="1850213" cy="3100839"/>
            <a:chOff x="7824029" y="3207163"/>
            <a:chExt cx="1850213" cy="3100839"/>
          </a:xfrm>
        </p:grpSpPr>
        <p:grpSp>
          <p:nvGrpSpPr>
            <p:cNvPr id="30" name="Group 30"/>
            <p:cNvGrpSpPr>
              <a:grpSpLocks noChangeAspect="1"/>
            </p:cNvGrpSpPr>
            <p:nvPr/>
          </p:nvGrpSpPr>
          <p:grpSpPr>
            <a:xfrm rot="-10800000">
              <a:off x="9207080" y="3207163"/>
              <a:ext cx="296235" cy="199179"/>
              <a:chOff x="0" y="0"/>
              <a:chExt cx="1930400" cy="1297940"/>
            </a:xfrm>
          </p:grpSpPr>
          <p:sp>
            <p:nvSpPr>
              <p:cNvPr id="31" name="Freeform 31"/>
              <p:cNvSpPr/>
              <p:nvPr/>
            </p:nvSpPr>
            <p:spPr>
              <a:xfrm>
                <a:off x="0" y="0"/>
                <a:ext cx="1930400" cy="1297940"/>
              </a:xfrm>
              <a:custGeom>
                <a:avLst/>
                <a:gdLst/>
                <a:ahLst/>
                <a:cxnLst/>
                <a:rect l="l" t="t" r="r" b="b"/>
                <a:pathLst>
                  <a:path w="1930400" h="1297940">
                    <a:moveTo>
                      <a:pt x="0" y="0"/>
                    </a:moveTo>
                    <a:lnTo>
                      <a:pt x="965200" y="1297940"/>
                    </a:lnTo>
                    <a:lnTo>
                      <a:pt x="1930400" y="0"/>
                    </a:lnTo>
                    <a:close/>
                  </a:path>
                </a:pathLst>
              </a:custGeom>
              <a:solidFill>
                <a:srgbClr val="2C92D5"/>
              </a:solidFill>
            </p:spPr>
            <p:txBody>
              <a:bodyPr/>
              <a:lstStyle/>
              <a:p>
                <a:endParaRPr lang="en-US" sz="1200"/>
              </a:p>
            </p:txBody>
          </p:sp>
        </p:grpSp>
        <p:grpSp>
          <p:nvGrpSpPr>
            <p:cNvPr id="40" name="Group 39">
              <a:extLst>
                <a:ext uri="{FF2B5EF4-FFF2-40B4-BE49-F238E27FC236}">
                  <a16:creationId xmlns:a16="http://schemas.microsoft.com/office/drawing/2014/main" id="{691F5670-1541-1C90-E8FE-3E2E455E4E86}"/>
                </a:ext>
              </a:extLst>
            </p:cNvPr>
            <p:cNvGrpSpPr/>
            <p:nvPr/>
          </p:nvGrpSpPr>
          <p:grpSpPr>
            <a:xfrm>
              <a:off x="7824029" y="3384400"/>
              <a:ext cx="1850213" cy="2923602"/>
              <a:chOff x="7824029" y="3384400"/>
              <a:chExt cx="1850213" cy="2923602"/>
            </a:xfrm>
          </p:grpSpPr>
          <p:sp>
            <p:nvSpPr>
              <p:cNvPr id="29" name="AutoShape 29"/>
              <p:cNvSpPr/>
              <p:nvPr/>
            </p:nvSpPr>
            <p:spPr>
              <a:xfrm>
                <a:off x="7824029" y="3384400"/>
                <a:ext cx="1850213" cy="2923602"/>
              </a:xfrm>
              <a:prstGeom prst="rect">
                <a:avLst/>
              </a:prstGeom>
              <a:solidFill>
                <a:srgbClr val="2C92D5"/>
              </a:solidFill>
            </p:spPr>
            <p:txBody>
              <a:bodyPr/>
              <a:lstStyle/>
              <a:p>
                <a:endParaRPr lang="en-US" sz="1200"/>
              </a:p>
            </p:txBody>
          </p:sp>
          <p:sp>
            <p:nvSpPr>
              <p:cNvPr id="36" name="TextBox 35">
                <a:extLst>
                  <a:ext uri="{FF2B5EF4-FFF2-40B4-BE49-F238E27FC236}">
                    <a16:creationId xmlns:a16="http://schemas.microsoft.com/office/drawing/2014/main" id="{51E7E4F9-9E8C-0F40-D734-3F7EE2825679}"/>
                  </a:ext>
                </a:extLst>
              </p:cNvPr>
              <p:cNvSpPr txBox="1"/>
              <p:nvPr/>
            </p:nvSpPr>
            <p:spPr>
              <a:xfrm>
                <a:off x="8047864" y="3750171"/>
                <a:ext cx="1496291" cy="142192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defTabSz="1083912">
                  <a:lnSpc>
                    <a:spcPct val="90000"/>
                  </a:lnSpc>
                  <a:spcBef>
                    <a:spcPct val="0"/>
                  </a:spcBef>
                  <a:spcAft>
                    <a:spcPct val="35000"/>
                  </a:spcAft>
                </a:pP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Lựa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họn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ông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ụ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và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số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hoá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bài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giảng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.</a:t>
                </a:r>
                <a:endPara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p:grpSp>
      </p:grpSp>
      <p:grpSp>
        <p:nvGrpSpPr>
          <p:cNvPr id="45" name="Group 8"/>
          <p:cNvGrpSpPr/>
          <p:nvPr/>
        </p:nvGrpSpPr>
        <p:grpSpPr>
          <a:xfrm>
            <a:off x="10016782" y="2460028"/>
            <a:ext cx="2050808" cy="652222"/>
            <a:chOff x="0" y="0"/>
            <a:chExt cx="10367846" cy="3230880"/>
          </a:xfrm>
          <a:solidFill>
            <a:srgbClr val="00B0F0"/>
          </a:solidFill>
        </p:grpSpPr>
        <p:sp>
          <p:nvSpPr>
            <p:cNvPr id="46" name="Freeform 9"/>
            <p:cNvSpPr/>
            <p:nvPr/>
          </p:nvSpPr>
          <p:spPr>
            <a:xfrm>
              <a:off x="5080" y="12700"/>
              <a:ext cx="10352606" cy="3205480"/>
            </a:xfrm>
            <a:custGeom>
              <a:avLst/>
              <a:gdLst/>
              <a:ahLst/>
              <a:cxnLst/>
              <a:rect l="l" t="t" r="r" b="b"/>
              <a:pathLst>
                <a:path w="10352606" h="3205480">
                  <a:moveTo>
                    <a:pt x="9562665" y="3205480"/>
                  </a:moveTo>
                  <a:lnTo>
                    <a:pt x="0" y="3205480"/>
                  </a:lnTo>
                  <a:lnTo>
                    <a:pt x="791210" y="1602740"/>
                  </a:lnTo>
                  <a:lnTo>
                    <a:pt x="0" y="0"/>
                  </a:lnTo>
                  <a:lnTo>
                    <a:pt x="9562665" y="0"/>
                  </a:lnTo>
                  <a:lnTo>
                    <a:pt x="10352606" y="1602740"/>
                  </a:lnTo>
                  <a:lnTo>
                    <a:pt x="9562665" y="3205480"/>
                  </a:lnTo>
                  <a:close/>
                </a:path>
              </a:pathLst>
            </a:custGeom>
            <a:grpFill/>
          </p:spPr>
          <p:txBody>
            <a:bodyPr/>
            <a:lstStyle/>
            <a:p>
              <a:endParaRPr lang="en-US" sz="1200"/>
            </a:p>
          </p:txBody>
        </p:sp>
      </p:grpSp>
      <p:grpSp>
        <p:nvGrpSpPr>
          <p:cNvPr id="47" name="Group 46">
            <a:extLst>
              <a:ext uri="{FF2B5EF4-FFF2-40B4-BE49-F238E27FC236}">
                <a16:creationId xmlns:a16="http://schemas.microsoft.com/office/drawing/2014/main" id="{AF847776-031D-5BF1-EBDE-324F8E95BA9D}"/>
              </a:ext>
            </a:extLst>
          </p:cNvPr>
          <p:cNvGrpSpPr/>
          <p:nvPr/>
        </p:nvGrpSpPr>
        <p:grpSpPr>
          <a:xfrm>
            <a:off x="10033237" y="3112251"/>
            <a:ext cx="1850213" cy="3195751"/>
            <a:chOff x="7862279" y="3207163"/>
            <a:chExt cx="1850213" cy="3118103"/>
          </a:xfrm>
        </p:grpSpPr>
        <p:grpSp>
          <p:nvGrpSpPr>
            <p:cNvPr id="48" name="Group 30"/>
            <p:cNvGrpSpPr>
              <a:grpSpLocks noChangeAspect="1"/>
            </p:cNvGrpSpPr>
            <p:nvPr/>
          </p:nvGrpSpPr>
          <p:grpSpPr>
            <a:xfrm rot="-10800000">
              <a:off x="9207080" y="3207163"/>
              <a:ext cx="296235" cy="199179"/>
              <a:chOff x="0" y="0"/>
              <a:chExt cx="1930400" cy="1297940"/>
            </a:xfrm>
          </p:grpSpPr>
          <p:sp>
            <p:nvSpPr>
              <p:cNvPr id="52" name="Freeform 31"/>
              <p:cNvSpPr/>
              <p:nvPr/>
            </p:nvSpPr>
            <p:spPr>
              <a:xfrm>
                <a:off x="0" y="0"/>
                <a:ext cx="1930400" cy="1297940"/>
              </a:xfrm>
              <a:custGeom>
                <a:avLst/>
                <a:gdLst/>
                <a:ahLst/>
                <a:cxnLst/>
                <a:rect l="l" t="t" r="r" b="b"/>
                <a:pathLst>
                  <a:path w="1930400" h="1297940">
                    <a:moveTo>
                      <a:pt x="0" y="0"/>
                    </a:moveTo>
                    <a:lnTo>
                      <a:pt x="965200" y="1297940"/>
                    </a:lnTo>
                    <a:lnTo>
                      <a:pt x="1930400" y="0"/>
                    </a:lnTo>
                    <a:close/>
                  </a:path>
                </a:pathLst>
              </a:custGeom>
              <a:solidFill>
                <a:srgbClr val="2C92D5"/>
              </a:solidFill>
            </p:spPr>
            <p:txBody>
              <a:bodyPr/>
              <a:lstStyle/>
              <a:p>
                <a:endParaRPr lang="en-US" sz="1200"/>
              </a:p>
            </p:txBody>
          </p:sp>
        </p:grpSp>
        <p:grpSp>
          <p:nvGrpSpPr>
            <p:cNvPr id="49" name="Group 48">
              <a:extLst>
                <a:ext uri="{FF2B5EF4-FFF2-40B4-BE49-F238E27FC236}">
                  <a16:creationId xmlns:a16="http://schemas.microsoft.com/office/drawing/2014/main" id="{691F5670-1541-1C90-E8FE-3E2E455E4E86}"/>
                </a:ext>
              </a:extLst>
            </p:cNvPr>
            <p:cNvGrpSpPr/>
            <p:nvPr/>
          </p:nvGrpSpPr>
          <p:grpSpPr>
            <a:xfrm>
              <a:off x="7862279" y="3401664"/>
              <a:ext cx="1850213" cy="2923602"/>
              <a:chOff x="7862279" y="3401664"/>
              <a:chExt cx="1850213" cy="2923602"/>
            </a:xfrm>
          </p:grpSpPr>
          <p:sp>
            <p:nvSpPr>
              <p:cNvPr id="50" name="AutoShape 29"/>
              <p:cNvSpPr/>
              <p:nvPr/>
            </p:nvSpPr>
            <p:spPr>
              <a:xfrm>
                <a:off x="7862279" y="3401664"/>
                <a:ext cx="1850213" cy="2923602"/>
              </a:xfrm>
              <a:prstGeom prst="rect">
                <a:avLst/>
              </a:prstGeom>
              <a:solidFill>
                <a:srgbClr val="00B0F0"/>
              </a:solidFill>
            </p:spPr>
            <p:txBody>
              <a:bodyPr/>
              <a:lstStyle/>
              <a:p>
                <a:endParaRPr lang="en-US" sz="1200"/>
              </a:p>
            </p:txBody>
          </p:sp>
          <p:sp>
            <p:nvSpPr>
              <p:cNvPr id="51" name="TextBox 50">
                <a:extLst>
                  <a:ext uri="{FF2B5EF4-FFF2-40B4-BE49-F238E27FC236}">
                    <a16:creationId xmlns:a16="http://schemas.microsoft.com/office/drawing/2014/main" id="{51E7E4F9-9E8C-0F40-D734-3F7EE2825679}"/>
                  </a:ext>
                </a:extLst>
              </p:cNvPr>
              <p:cNvSpPr txBox="1"/>
              <p:nvPr/>
            </p:nvSpPr>
            <p:spPr>
              <a:xfrm>
                <a:off x="7921072" y="3624675"/>
                <a:ext cx="1653333" cy="208672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 algn="ctr" defTabSz="1083912">
                  <a:lnSpc>
                    <a:spcPct val="90000"/>
                  </a:lnSpc>
                  <a:spcBef>
                    <a:spcPct val="0"/>
                  </a:spcBef>
                  <a:spcAft>
                    <a:spcPct val="35000"/>
                  </a:spcAft>
                </a:pP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em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thử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bài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giảng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,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sữa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chữa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và</a:t>
                </a:r>
                <a:r>
                  <a:rPr lang="en-US" sz="2400" dirty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xuất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file,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đóng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gói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sản</a:t>
                </a:r>
                <a:r>
                  <a:rPr lang="en-US" sz="2400" dirty="0" smtClean="0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 </a:t>
                </a:r>
                <a:r>
                  <a:rPr lang="en-US" sz="2400" dirty="0" err="1">
                    <a:latin typeface="Times New Roman" panose="02020603050405020304" pitchFamily="18" charset="0"/>
                    <a:cs typeface="Times New Roman" panose="02020603050405020304" pitchFamily="18" charset="0"/>
                  </a:rPr>
                  <a:t>phẩm</a:t>
                </a:r>
                <a:endParaRPr lang="en-US" sz="2400" dirty="0">
                  <a:latin typeface="Times New Roman" panose="02020603050405020304" pitchFamily="18" charset="0"/>
                  <a:cs typeface="Times New Roman" panose="02020603050405020304" pitchFamily="18" charset="0"/>
                </a:endParaRPr>
              </a:p>
            </p:txBody>
          </p:sp>
        </p:grpSp>
      </p:grpSp>
      <p:sp>
        <p:nvSpPr>
          <p:cNvPr id="59" name="TextBox 17"/>
          <p:cNvSpPr txBox="1"/>
          <p:nvPr/>
        </p:nvSpPr>
        <p:spPr>
          <a:xfrm>
            <a:off x="10765651" y="2577108"/>
            <a:ext cx="385387" cy="385490"/>
          </a:xfrm>
          <a:prstGeom prst="rect">
            <a:avLst/>
          </a:prstGeom>
        </p:spPr>
        <p:txBody>
          <a:bodyPr lIns="0" tIns="0" rIns="0" bIns="0" rtlCol="0" anchor="t">
            <a:spAutoFit/>
          </a:bodyPr>
          <a:lstStyle/>
          <a:p>
            <a:pPr algn="ctr">
              <a:lnSpc>
                <a:spcPts val="3267"/>
              </a:lnSpc>
            </a:pPr>
            <a:r>
              <a:rPr lang="en-US" sz="2333" spc="117" dirty="0" smtClean="0">
                <a:solidFill>
                  <a:srgbClr val="FFFFFF"/>
                </a:solidFill>
                <a:latin typeface="Arimo Bold"/>
              </a:rPr>
              <a:t>5</a:t>
            </a:r>
            <a:endParaRPr lang="en-US" sz="2333" spc="117" dirty="0">
              <a:solidFill>
                <a:srgbClr val="FFFFFF"/>
              </a:solidFill>
              <a:latin typeface="Arimo Bold"/>
            </a:endParaRPr>
          </a:p>
        </p:txBody>
      </p:sp>
    </p:spTree>
    <p:extLst>
      <p:ext uri="{BB962C8B-B14F-4D97-AF65-F5344CB8AC3E}">
        <p14:creationId xmlns:p14="http://schemas.microsoft.com/office/powerpoint/2010/main" val="235838352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800">
        <p:circle/>
      </p:transition>
    </mc:Choice>
    <mc:Fallback xmlns="">
      <p:transition spd="slow">
        <p:circle/>
      </p:transition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4" presetClass="entr" presetSubtype="1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randombar(horizontal)">
                                      <p:cBhvr>
                                        <p:cTn id="7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2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10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1000" fill="hold"/>
                                        <p:tgtEl>
                                          <p:spTgt spid="41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26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1000" fill="hold"/>
                                        <p:tgtEl>
                                          <p:spTgt spid="4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0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1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10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1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0" fill="hold">
                      <p:stCondLst>
                        <p:cond delay="indefinite"/>
                      </p:stCondLst>
                      <p:childTnLst>
                        <p:par>
                          <p:cTn id="51" fill="hold">
                            <p:stCondLst>
                              <p:cond delay="0"/>
                            </p:stCondLst>
                            <p:childTnLst>
                              <p:par>
                                <p:cTn id="52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54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5" dur="5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7" fill="hold">
                      <p:stCondLst>
                        <p:cond delay="indefinite"/>
                      </p:stCondLst>
                      <p:childTnLst>
                        <p:par>
                          <p:cTn id="58" fill="hold">
                            <p:stCondLst>
                              <p:cond delay="0"/>
                            </p:stCondLst>
                            <p:childTnLst>
                              <p:par>
                                <p:cTn id="59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1" dur="10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62" dur="1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3" dur="1000" fill="hold"/>
                                        <p:tgtEl>
                                          <p:spTgt spid="4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53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68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69" dur="5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7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1" fill="hold">
                      <p:stCondLst>
                        <p:cond delay="indefinite"/>
                      </p:stCondLst>
                      <p:childTnLst>
                        <p:par>
                          <p:cTn id="72" fill="hold">
                            <p:stCondLst>
                              <p:cond delay="0"/>
                            </p:stCondLst>
                            <p:childTnLst>
                              <p:par>
                                <p:cTn id="73" presetID="47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100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76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77" dur="1000" fill="hold"/>
                                        <p:tgtEl>
                                          <p:spTgt spid="4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2" grpId="0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" name="Picture 2" descr="https://img.powerpoint.com.vn/uploads/2019/06/09/hinh-nen-powerpoint-nhung-khom-hoa-ve-mau-nuoc-rat-dep_092722179.jp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5164" y="-33403"/>
            <a:ext cx="12192000" cy="6891338"/>
          </a:xfrm>
          <a:prstGeom prst="rect">
            <a:avLst/>
          </a:prstGeom>
          <a:noFill/>
          <a:ln>
            <a:noFill/>
          </a:ln>
          <a:extLst/>
        </p:spPr>
      </p:pic>
      <p:sp>
        <p:nvSpPr>
          <p:cNvPr id="6" name="Freeform 5"/>
          <p:cNvSpPr/>
          <p:nvPr/>
        </p:nvSpPr>
        <p:spPr>
          <a:xfrm>
            <a:off x="1008016" y="1067978"/>
            <a:ext cx="5257801" cy="2431280"/>
          </a:xfrm>
          <a:custGeom>
            <a:avLst/>
            <a:gdLst>
              <a:gd name="connsiteX0" fmla="*/ 0 w 2431279"/>
              <a:gd name="connsiteY0" fmla="*/ 0 h 5257800"/>
              <a:gd name="connsiteX1" fmla="*/ 2026058 w 2431279"/>
              <a:gd name="connsiteY1" fmla="*/ 0 h 5257800"/>
              <a:gd name="connsiteX2" fmla="*/ 2431279 w 2431279"/>
              <a:gd name="connsiteY2" fmla="*/ 405221 h 5257800"/>
              <a:gd name="connsiteX3" fmla="*/ 2431279 w 2431279"/>
              <a:gd name="connsiteY3" fmla="*/ 5257800 h 5257800"/>
              <a:gd name="connsiteX4" fmla="*/ 0 w 2431279"/>
              <a:gd name="connsiteY4" fmla="*/ 5257800 h 5257800"/>
              <a:gd name="connsiteX5" fmla="*/ 0 w 2431279"/>
              <a:gd name="connsiteY5" fmla="*/ 0 h 5257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2431279" h="5257800">
                <a:moveTo>
                  <a:pt x="0" y="5257799"/>
                </a:moveTo>
                <a:lnTo>
                  <a:pt x="0" y="876318"/>
                </a:lnTo>
                <a:cubicBezTo>
                  <a:pt x="0" y="392342"/>
                  <a:pt x="83893" y="1"/>
                  <a:pt x="187380" y="1"/>
                </a:cubicBezTo>
                <a:lnTo>
                  <a:pt x="2431279" y="1"/>
                </a:lnTo>
                <a:lnTo>
                  <a:pt x="2431279" y="5257799"/>
                </a:lnTo>
                <a:lnTo>
                  <a:pt x="0" y="5257799"/>
                </a:lnTo>
                <a:close/>
              </a:path>
            </a:pathLst>
          </a:custGeom>
          <a:solidFill>
            <a:schemeClr val="accent5">
              <a:lumMod val="20000"/>
              <a:lumOff val="80000"/>
            </a:schemeClr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1">
              <a:hueOff val="0"/>
              <a:satOff val="0"/>
              <a:lumOff val="0"/>
              <a:alphaOff val="0"/>
            </a:schemeClr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199137" tIns="199136" rIns="199136" bIns="806957" numCol="1" spcCol="1270" anchor="ctr" anchorCtr="0">
            <a:noAutofit/>
          </a:bodyPr>
          <a:lstStyle/>
          <a:p>
            <a:pPr lvl="0" defTabSz="12446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ài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ảng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ảm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ảo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huẩn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iến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ức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ĩ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ăng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</a:t>
            </a:r>
            <a:endParaRPr lang="en-US" sz="2800" b="1" kern="1200" dirty="0" smtClean="0">
              <a:solidFill>
                <a:prstClr val="black"/>
              </a:solidFill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7" name="Freeform 6"/>
          <p:cNvSpPr/>
          <p:nvPr/>
        </p:nvSpPr>
        <p:spPr>
          <a:xfrm>
            <a:off x="6265817" y="1067978"/>
            <a:ext cx="5257800" cy="2431279"/>
          </a:xfrm>
          <a:custGeom>
            <a:avLst/>
            <a:gdLst>
              <a:gd name="connsiteX0" fmla="*/ 0 w 5257800"/>
              <a:gd name="connsiteY0" fmla="*/ 0 h 2431279"/>
              <a:gd name="connsiteX1" fmla="*/ 4852579 w 5257800"/>
              <a:gd name="connsiteY1" fmla="*/ 0 h 2431279"/>
              <a:gd name="connsiteX2" fmla="*/ 5257800 w 5257800"/>
              <a:gd name="connsiteY2" fmla="*/ 405221 h 2431279"/>
              <a:gd name="connsiteX3" fmla="*/ 5257800 w 5257800"/>
              <a:gd name="connsiteY3" fmla="*/ 2431279 h 2431279"/>
              <a:gd name="connsiteX4" fmla="*/ 0 w 5257800"/>
              <a:gd name="connsiteY4" fmla="*/ 2431279 h 2431279"/>
              <a:gd name="connsiteX5" fmla="*/ 0 w 5257800"/>
              <a:gd name="connsiteY5" fmla="*/ 0 h 243127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257800" h="2431279">
                <a:moveTo>
                  <a:pt x="0" y="0"/>
                </a:moveTo>
                <a:lnTo>
                  <a:pt x="4852579" y="0"/>
                </a:lnTo>
                <a:cubicBezTo>
                  <a:pt x="5076376" y="0"/>
                  <a:pt x="5257800" y="181424"/>
                  <a:pt x="5257800" y="405221"/>
                </a:cubicBezTo>
                <a:lnTo>
                  <a:pt x="5257800" y="2431279"/>
                </a:lnTo>
                <a:lnTo>
                  <a:pt x="0" y="2431279"/>
                </a:lnTo>
                <a:lnTo>
                  <a:pt x="0" y="0"/>
                </a:lnTo>
                <a:close/>
              </a:path>
            </a:pathLst>
          </a:custGeom>
          <a:solidFill>
            <a:schemeClr val="accent1">
              <a:lumMod val="60000"/>
              <a:lumOff val="40000"/>
            </a:schemeClr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1">
              <a:hueOff val="0"/>
              <a:satOff val="0"/>
              <a:lumOff val="0"/>
              <a:alphaOff val="0"/>
            </a:schemeClr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199136" tIns="199136" rIns="199136" bIns="806956" numCol="1" spcCol="1270" anchor="ctr" anchorCtr="0">
            <a:noAutofit/>
          </a:bodyPr>
          <a:lstStyle/>
          <a:p>
            <a:pPr algn="ctr" defTabSz="12446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2800" b="1" dirty="0" smtClean="0">
              <a:solidFill>
                <a:prstClr val="black"/>
              </a:solidFill>
              <a:latin typeface="Times New Roman" panose="02020603050405020304" pitchFamily="18" charset="0"/>
              <a:ea typeface="Calibri" panose="020F0502020204030204" pitchFamily="34" charset="0"/>
              <a:cs typeface="Times New Roman" panose="02020603050405020304" pitchFamily="18" charset="0"/>
            </a:endParaRPr>
          </a:p>
          <a:p>
            <a:pPr defTabSz="12446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800" b="1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iệu</a:t>
            </a:r>
            <a:r>
              <a:rPr lang="en-US" sz="2800" b="1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ứng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xuất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iện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hông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ầu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ỳ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hằm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ướng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ự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hú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ý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ủa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inh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vào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ội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dung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ài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hiều</a:t>
            </a:r>
            <a:r>
              <a:rPr lang="en-US" sz="2800" b="1" dirty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dirty="0" err="1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ơn</a:t>
            </a:r>
            <a:endParaRPr lang="en-US" sz="2800" dirty="0"/>
          </a:p>
          <a:p>
            <a:pPr lvl="0" algn="ctr" defTabSz="12446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endParaRPr lang="en-US" sz="2800" kern="1200" dirty="0">
              <a:solidFill>
                <a:prstClr val="black"/>
              </a:solidFill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8" name="Freeform 7"/>
          <p:cNvSpPr/>
          <p:nvPr/>
        </p:nvSpPr>
        <p:spPr>
          <a:xfrm>
            <a:off x="1008017" y="3499256"/>
            <a:ext cx="5257801" cy="2431280"/>
          </a:xfrm>
          <a:custGeom>
            <a:avLst/>
            <a:gdLst>
              <a:gd name="connsiteX0" fmla="*/ 0 w 5257800"/>
              <a:gd name="connsiteY0" fmla="*/ 0 h 2431279"/>
              <a:gd name="connsiteX1" fmla="*/ 4852579 w 5257800"/>
              <a:gd name="connsiteY1" fmla="*/ 0 h 2431279"/>
              <a:gd name="connsiteX2" fmla="*/ 5257800 w 5257800"/>
              <a:gd name="connsiteY2" fmla="*/ 405221 h 2431279"/>
              <a:gd name="connsiteX3" fmla="*/ 5257800 w 5257800"/>
              <a:gd name="connsiteY3" fmla="*/ 2431279 h 2431279"/>
              <a:gd name="connsiteX4" fmla="*/ 0 w 5257800"/>
              <a:gd name="connsiteY4" fmla="*/ 2431279 h 2431279"/>
              <a:gd name="connsiteX5" fmla="*/ 0 w 5257800"/>
              <a:gd name="connsiteY5" fmla="*/ 0 h 243127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5257800" h="2431279">
                <a:moveTo>
                  <a:pt x="5257800" y="2431279"/>
                </a:moveTo>
                <a:lnTo>
                  <a:pt x="405221" y="2431279"/>
                </a:lnTo>
                <a:cubicBezTo>
                  <a:pt x="181424" y="2431279"/>
                  <a:pt x="0" y="2249855"/>
                  <a:pt x="0" y="2026058"/>
                </a:cubicBezTo>
                <a:lnTo>
                  <a:pt x="0" y="0"/>
                </a:lnTo>
                <a:lnTo>
                  <a:pt x="5257800" y="0"/>
                </a:lnTo>
                <a:lnTo>
                  <a:pt x="5257800" y="2431279"/>
                </a:lnTo>
                <a:close/>
              </a:path>
            </a:pathLst>
          </a:custGeom>
          <a:solidFill>
            <a:schemeClr val="accent3">
              <a:lumMod val="60000"/>
              <a:lumOff val="40000"/>
            </a:schemeClr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1">
              <a:hueOff val="0"/>
              <a:satOff val="0"/>
              <a:lumOff val="0"/>
              <a:alphaOff val="0"/>
            </a:schemeClr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170688" tIns="778509" rIns="170689" bIns="170688" numCol="1" spcCol="1270" anchor="ctr" anchorCtr="0">
            <a:noAutofit/>
          </a:bodyPr>
          <a:lstStyle/>
          <a:p>
            <a:pPr lvl="0" algn="l" defTabSz="10668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Màu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ắc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ông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hữ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ình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ảnh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iệu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ứng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ải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ài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òa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ắc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8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nét</a:t>
            </a:r>
            <a:r>
              <a:rPr lang="en-US" sz="28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</a:t>
            </a:r>
            <a:endParaRPr lang="en-US" sz="2800" kern="1200" dirty="0">
              <a:solidFill>
                <a:prstClr val="black"/>
              </a:solidFill>
              <a:latin typeface="Calibri" panose="020F0502020204030204" pitchFamily="34" charset="0"/>
              <a:ea typeface="Calibri" panose="020F0502020204030204" pitchFamily="34" charset="0"/>
              <a:cs typeface="Times New Roman" panose="02020603050405020304" pitchFamily="18" charset="0"/>
            </a:endParaRPr>
          </a:p>
        </p:txBody>
      </p:sp>
      <p:sp>
        <p:nvSpPr>
          <p:cNvPr id="9" name="Freeform 8"/>
          <p:cNvSpPr/>
          <p:nvPr/>
        </p:nvSpPr>
        <p:spPr>
          <a:xfrm>
            <a:off x="6265816" y="3499257"/>
            <a:ext cx="5257801" cy="2431280"/>
          </a:xfrm>
          <a:custGeom>
            <a:avLst/>
            <a:gdLst>
              <a:gd name="connsiteX0" fmla="*/ 0 w 2431279"/>
              <a:gd name="connsiteY0" fmla="*/ 0 h 5257800"/>
              <a:gd name="connsiteX1" fmla="*/ 2026058 w 2431279"/>
              <a:gd name="connsiteY1" fmla="*/ 0 h 5257800"/>
              <a:gd name="connsiteX2" fmla="*/ 2431279 w 2431279"/>
              <a:gd name="connsiteY2" fmla="*/ 405221 h 5257800"/>
              <a:gd name="connsiteX3" fmla="*/ 2431279 w 2431279"/>
              <a:gd name="connsiteY3" fmla="*/ 5257800 h 5257800"/>
              <a:gd name="connsiteX4" fmla="*/ 0 w 2431279"/>
              <a:gd name="connsiteY4" fmla="*/ 5257800 h 5257800"/>
              <a:gd name="connsiteX5" fmla="*/ 0 w 2431279"/>
              <a:gd name="connsiteY5" fmla="*/ 0 h 525780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</a:cxnLst>
            <a:rect l="l" t="t" r="r" b="b"/>
            <a:pathLst>
              <a:path w="2431279" h="5257800">
                <a:moveTo>
                  <a:pt x="2431279" y="1"/>
                </a:moveTo>
                <a:lnTo>
                  <a:pt x="2431279" y="4381482"/>
                </a:lnTo>
                <a:cubicBezTo>
                  <a:pt x="2431279" y="4865458"/>
                  <a:pt x="2347386" y="5257799"/>
                  <a:pt x="2243899" y="5257799"/>
                </a:cubicBezTo>
                <a:lnTo>
                  <a:pt x="0" y="5257799"/>
                </a:lnTo>
                <a:lnTo>
                  <a:pt x="0" y="1"/>
                </a:lnTo>
                <a:lnTo>
                  <a:pt x="2431279" y="1"/>
                </a:lnTo>
                <a:close/>
              </a:path>
            </a:pathLst>
          </a:custGeom>
          <a:solidFill>
            <a:schemeClr val="accent6">
              <a:lumMod val="60000"/>
              <a:lumOff val="40000"/>
            </a:schemeClr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1">
              <a:hueOff val="0"/>
              <a:satOff val="0"/>
              <a:lumOff val="0"/>
              <a:alphaOff val="0"/>
            </a:schemeClr>
          </a:fillRef>
          <a:effectRef idx="0">
            <a:schemeClr val="accent1">
              <a:hueOff val="0"/>
              <a:satOff val="0"/>
              <a:lumOff val="0"/>
              <a:alphaOff val="0"/>
            </a:schemeClr>
          </a:effectRef>
          <a:fontRef idx="minor">
            <a:schemeClr val="lt1"/>
          </a:fontRef>
        </p:style>
        <p:txBody>
          <a:bodyPr spcFirstLastPara="0" vert="horz" wrap="square" lIns="170689" tIns="778508" rIns="170688" bIns="170689" numCol="1" spcCol="1270" anchor="ctr" anchorCtr="0">
            <a:noAutofit/>
          </a:bodyPr>
          <a:lstStyle/>
          <a:p>
            <a:pPr lvl="0" algn="just" defTabSz="106680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á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ương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pháp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dạy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ể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iện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ự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ương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á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giữa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ầy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và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rò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ảm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bảo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khoa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ân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hiện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dễ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ử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dụng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áp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ứng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ượ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á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yêu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cầu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về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đổi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mới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dạy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,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lấy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học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sinh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làm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rung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 </a:t>
            </a:r>
            <a:r>
              <a:rPr lang="en-US" sz="2400" b="1" kern="1200" dirty="0" err="1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tâm</a:t>
            </a:r>
            <a:r>
              <a:rPr lang="en-US" sz="2400" b="1" kern="1200" dirty="0" smtClean="0">
                <a:solidFill>
                  <a:prstClr val="black"/>
                </a:solidFill>
                <a:latin typeface="Times New Roman" panose="02020603050405020304" pitchFamily="18" charset="0"/>
                <a:ea typeface="Calibri" panose="020F0502020204030204" pitchFamily="34" charset="0"/>
                <a:cs typeface="Times New Roman" panose="02020603050405020304" pitchFamily="18" charset="0"/>
              </a:rPr>
              <a:t>.</a:t>
            </a:r>
            <a:endParaRPr lang="en-US" sz="2400" kern="1200" dirty="0"/>
          </a:p>
        </p:txBody>
      </p:sp>
      <p:sp>
        <p:nvSpPr>
          <p:cNvPr id="10" name="Freeform 9"/>
          <p:cNvSpPr/>
          <p:nvPr/>
        </p:nvSpPr>
        <p:spPr>
          <a:xfrm>
            <a:off x="4688477" y="2891437"/>
            <a:ext cx="3154680" cy="1215639"/>
          </a:xfrm>
          <a:custGeom>
            <a:avLst/>
            <a:gdLst>
              <a:gd name="connsiteX0" fmla="*/ 0 w 3154680"/>
              <a:gd name="connsiteY0" fmla="*/ 202611 h 1215639"/>
              <a:gd name="connsiteX1" fmla="*/ 202611 w 3154680"/>
              <a:gd name="connsiteY1" fmla="*/ 0 h 1215639"/>
              <a:gd name="connsiteX2" fmla="*/ 2952069 w 3154680"/>
              <a:gd name="connsiteY2" fmla="*/ 0 h 1215639"/>
              <a:gd name="connsiteX3" fmla="*/ 3154680 w 3154680"/>
              <a:gd name="connsiteY3" fmla="*/ 202611 h 1215639"/>
              <a:gd name="connsiteX4" fmla="*/ 3154680 w 3154680"/>
              <a:gd name="connsiteY4" fmla="*/ 1013028 h 1215639"/>
              <a:gd name="connsiteX5" fmla="*/ 2952069 w 3154680"/>
              <a:gd name="connsiteY5" fmla="*/ 1215639 h 1215639"/>
              <a:gd name="connsiteX6" fmla="*/ 202611 w 3154680"/>
              <a:gd name="connsiteY6" fmla="*/ 1215639 h 1215639"/>
              <a:gd name="connsiteX7" fmla="*/ 0 w 3154680"/>
              <a:gd name="connsiteY7" fmla="*/ 1013028 h 1215639"/>
              <a:gd name="connsiteX8" fmla="*/ 0 w 3154680"/>
              <a:gd name="connsiteY8" fmla="*/ 202611 h 1215639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</a:cxnLst>
            <a:rect l="l" t="t" r="r" b="b"/>
            <a:pathLst>
              <a:path w="3154680" h="1215639">
                <a:moveTo>
                  <a:pt x="0" y="202611"/>
                </a:moveTo>
                <a:cubicBezTo>
                  <a:pt x="0" y="90712"/>
                  <a:pt x="90712" y="0"/>
                  <a:pt x="202611" y="0"/>
                </a:cubicBezTo>
                <a:lnTo>
                  <a:pt x="2952069" y="0"/>
                </a:lnTo>
                <a:cubicBezTo>
                  <a:pt x="3063968" y="0"/>
                  <a:pt x="3154680" y="90712"/>
                  <a:pt x="3154680" y="202611"/>
                </a:cubicBezTo>
                <a:lnTo>
                  <a:pt x="3154680" y="1013028"/>
                </a:lnTo>
                <a:cubicBezTo>
                  <a:pt x="3154680" y="1124927"/>
                  <a:pt x="3063968" y="1215639"/>
                  <a:pt x="2952069" y="1215639"/>
                </a:cubicBezTo>
                <a:lnTo>
                  <a:pt x="202611" y="1215639"/>
                </a:lnTo>
                <a:cubicBezTo>
                  <a:pt x="90712" y="1215639"/>
                  <a:pt x="0" y="1124927"/>
                  <a:pt x="0" y="1013028"/>
                </a:cubicBezTo>
                <a:lnTo>
                  <a:pt x="0" y="202611"/>
                </a:lnTo>
                <a:close/>
              </a:path>
            </a:pathLst>
          </a:custGeom>
          <a:solidFill>
            <a:schemeClr val="accent2">
              <a:lumMod val="40000"/>
              <a:lumOff val="60000"/>
            </a:schemeClr>
          </a:solid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hemeClr val="accent1">
              <a:tint val="60000"/>
              <a:hueOff val="0"/>
              <a:satOff val="0"/>
              <a:lumOff val="0"/>
              <a:alphaOff val="0"/>
            </a:schemeClr>
          </a:fillRef>
          <a:effectRef idx="0">
            <a:schemeClr val="accent1">
              <a:tint val="60000"/>
              <a:hueOff val="0"/>
              <a:satOff val="0"/>
              <a:lumOff val="0"/>
              <a:alphaOff val="0"/>
            </a:schemeClr>
          </a:effectRef>
          <a:fontRef idx="minor">
            <a:schemeClr val="dk1">
              <a:hueOff val="0"/>
              <a:satOff val="0"/>
              <a:lumOff val="0"/>
              <a:alphaOff val="0"/>
            </a:schemeClr>
          </a:fontRef>
        </p:style>
        <p:txBody>
          <a:bodyPr spcFirstLastPara="0" vert="horz" wrap="square" lIns="162213" tIns="162213" rIns="162213" bIns="162213" numCol="1" spcCol="1270" anchor="ctr" anchorCtr="0">
            <a:noAutofit/>
          </a:bodyPr>
          <a:lstStyle/>
          <a:p>
            <a:pPr lvl="0" algn="ctr" defTabSz="1200150">
              <a:lnSpc>
                <a:spcPct val="90000"/>
              </a:lnSpc>
              <a:spcBef>
                <a:spcPct val="0"/>
              </a:spcBef>
              <a:spcAft>
                <a:spcPct val="35000"/>
              </a:spcAft>
            </a:pP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Một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số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yêu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cầu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khi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thiết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kế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bài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 </a:t>
            </a:r>
            <a:r>
              <a:rPr lang="en-US" sz="2700" b="1" kern="1200" dirty="0" err="1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giảng</a:t>
            </a:r>
            <a:r>
              <a:rPr lang="en-US" sz="2700" b="1" kern="1200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.</a:t>
            </a:r>
            <a:endParaRPr lang="en-US" sz="2700" kern="1200" dirty="0"/>
          </a:p>
        </p:txBody>
      </p:sp>
    </p:spTree>
    <p:extLst>
      <p:ext uri="{BB962C8B-B14F-4D97-AF65-F5344CB8AC3E}">
        <p14:creationId xmlns:p14="http://schemas.microsoft.com/office/powerpoint/2010/main" val="402735828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7" grpId="0" animBg="1"/>
      <p:bldP spid="8" grpId="0" animBg="1"/>
      <p:bldP spid="9" grpId="0" animBg="1"/>
      <p:bldP spid="10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en-US"/>
          </a:p>
        </p:txBody>
      </p:sp>
      <p:pic>
        <p:nvPicPr>
          <p:cNvPr id="4" name="Picture 2" descr="https://img.powerpoint.com.vn/uploads/2019/06/09/hinh-nen-powerpoint-chuyen-nghiep-dep-nhat_111626770.jpe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"/>
            <a:ext cx="12192000" cy="6858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Google Shape;584;p46"/>
          <p:cNvSpPr txBox="1">
            <a:spLocks/>
          </p:cNvSpPr>
          <p:nvPr/>
        </p:nvSpPr>
        <p:spPr>
          <a:xfrm>
            <a:off x="1091057" y="230188"/>
            <a:ext cx="8181473" cy="759133"/>
          </a:xfrm>
          <a:prstGeom prst="rect">
            <a:avLst/>
          </a:prstGeom>
          <a:noFill/>
        </p:spPr>
        <p:txBody>
          <a:bodyPr spcFirstLastPara="1" vert="horz" wrap="square" lIns="121900" tIns="121900" rIns="121900" bIns="121900" rtlCol="0" anchor="b" anchorCtr="0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sz="3600" b="1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4. </a:t>
            </a:r>
            <a:r>
              <a:rPr lang="en-US" sz="36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óm</a:t>
            </a:r>
            <a:r>
              <a:rPr lang="en-US" sz="36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6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tắt</a:t>
            </a:r>
            <a:r>
              <a:rPr lang="en-US" sz="36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6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bài</a:t>
            </a:r>
            <a:r>
              <a:rPr lang="en-US" sz="36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</a:t>
            </a:r>
            <a:r>
              <a:rPr lang="en-US" sz="36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giảng</a:t>
            </a:r>
            <a:r>
              <a:rPr lang="en-US" sz="3600" b="1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 minh </a:t>
            </a:r>
            <a:r>
              <a:rPr lang="en-US" sz="3600" b="1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họa</a:t>
            </a:r>
            <a:endParaRPr lang="en-US" sz="3600" b="1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6" name="Picture 2" descr="https://tse4.mm.bing.net/th?id=OIP.BQehC2Q2EKapefsfCNGiHAHaGN&amp;pid=Api&amp;P=0&amp;w=212&amp;h=178">
            <a:hlinkClick r:id="rId3" action="ppaction://hlinkfile"/>
          </p:cNvPr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16334" y="1931345"/>
            <a:ext cx="3567448" cy="299531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3426546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2" descr="https://img.powerpoint.com.vn/uploads/2019/06/09/hinh-nen-powerpoint-chuyen-nghiep-dep-nhat_111626770.jpe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"/>
            <a:ext cx="12192000" cy="6858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Google Shape;584;p46"/>
          <p:cNvSpPr txBox="1">
            <a:spLocks/>
          </p:cNvSpPr>
          <p:nvPr/>
        </p:nvSpPr>
        <p:spPr>
          <a:xfrm>
            <a:off x="3925476" y="330200"/>
            <a:ext cx="4708850" cy="759133"/>
          </a:xfrm>
          <a:prstGeom prst="rect">
            <a:avLst/>
          </a:prstGeom>
          <a:solidFill>
            <a:schemeClr val="accent1">
              <a:lumMod val="20000"/>
              <a:lumOff val="80000"/>
            </a:schemeClr>
          </a:solidFill>
          <a:ln>
            <a:noFill/>
          </a:ln>
        </p:spPr>
        <p:txBody>
          <a:bodyPr spcFirstLastPara="1" wrap="square" lIns="121900" tIns="121900" rIns="121900" bIns="121900" anchor="b" anchorCtr="0">
            <a:noAutofit/>
          </a:bodyPr>
          <a:lstStyle>
            <a:defPPr marR="0" lvl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</a:defPPr>
            <a:lvl1pPr marR="0" lvl="0" algn="l" rtl="0">
              <a:lnSpc>
                <a:spcPct val="90000"/>
              </a:lnSpc>
              <a:spcBef>
                <a:spcPts val="0"/>
              </a:spcBef>
              <a:spcAft>
                <a:spcPts val="0"/>
              </a:spcAft>
              <a:buClr>
                <a:schemeClr val="dk1"/>
              </a:buClr>
              <a:buSzPts val="4400"/>
              <a:buFont typeface="Calibri"/>
              <a:buNone/>
              <a:defRPr sz="44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defRPr>
            </a:lvl1pPr>
            <a:lvl2pPr marR="0" lvl="1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2pPr>
            <a:lvl3pPr marR="0" lvl="2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3pPr>
            <a:lvl4pPr marR="0" lvl="3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4pPr>
            <a:lvl5pPr marR="0" lvl="4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5pPr>
            <a:lvl6pPr marR="0" lvl="5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6pPr>
            <a:lvl7pPr marR="0" lvl="6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7pPr>
            <a:lvl8pPr marR="0" lvl="7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8pPr>
            <a:lvl9pPr marR="0" lvl="8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  <a:defRPr sz="1800" b="0" i="0" u="none" strike="noStrike" cap="none">
                <a:solidFill>
                  <a:srgbClr val="000000"/>
                </a:solidFill>
                <a:latin typeface="Arial"/>
                <a:ea typeface="Arial"/>
                <a:cs typeface="Arial"/>
                <a:sym typeface="Arial"/>
              </a:defRPr>
            </a:lvl9pPr>
          </a:lstStyle>
          <a:p>
            <a:pPr algn="ctr" defTabSz="914400" eaLnBrk="1" fontAlgn="auto" hangingPunct="1"/>
            <a:r>
              <a:rPr lang="en-US" sz="4000" b="1" kern="0" dirty="0" smtClean="0">
                <a:solidFill>
                  <a:schemeClr val="accent1">
                    <a:lumMod val="20000"/>
                    <a:lumOff val="80000"/>
                  </a:schemeClr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. </a:t>
            </a:r>
            <a:r>
              <a:rPr lang="en-US" sz="4000" b="1" kern="0" dirty="0" smtClean="0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5.</a:t>
            </a:r>
            <a:r>
              <a:rPr lang="en-US" sz="4000" b="1" kern="0" dirty="0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Kết </a:t>
            </a:r>
            <a:r>
              <a:rPr lang="en-US" sz="4000" b="1" kern="0" dirty="0" err="1" smtClean="0">
                <a:solidFill>
                  <a:srgbClr val="FF0000"/>
                </a:solidFill>
                <a:latin typeface="Times New Roman" panose="02020603050405020304" pitchFamily="18" charset="0"/>
                <a:ea typeface="MS UI Gothic" panose="020B0600070205080204" pitchFamily="34" charset="-128"/>
                <a:cs typeface="Times New Roman" panose="02020603050405020304" pitchFamily="18" charset="0"/>
                <a:sym typeface="Pontano Sans"/>
              </a:rPr>
              <a:t>luận</a:t>
            </a:r>
            <a:endParaRPr lang="en-US" sz="4000" b="1" kern="0" dirty="0">
              <a:solidFill>
                <a:srgbClr val="FF0000"/>
              </a:solidFill>
              <a:latin typeface="Times New Roman" panose="02020603050405020304" pitchFamily="18" charset="0"/>
              <a:cs typeface="Times New Roman" panose="02020603050405020304" pitchFamily="18" charset="0"/>
            </a:endParaRPr>
          </a:p>
        </p:txBody>
      </p:sp>
      <p:pic>
        <p:nvPicPr>
          <p:cNvPr id="1026" name="Picture 2" descr="https://tse2.mm.bing.net/th?id=OIP.GF_oPQqoFtLsKSjFjSRB5wHaE7&amp;pid=Api&amp;P=0&amp;w=256&amp;h=171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22068" y="2178665"/>
            <a:ext cx="4315666" cy="2882731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10694815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48</TotalTime>
  <Words>423</Words>
  <Application>Microsoft Office PowerPoint</Application>
  <PresentationFormat>Widescreen</PresentationFormat>
  <Paragraphs>70</Paragraphs>
  <Slides>15</Slides>
  <Notes>4</Notes>
  <HiddenSlides>0</HiddenSlides>
  <MMClips>2</MMClips>
  <ScaleCrop>false</ScaleCrop>
  <HeadingPairs>
    <vt:vector size="6" baseType="variant">
      <vt:variant>
        <vt:lpstr>Fonts Used</vt:lpstr>
      </vt:variant>
      <vt:variant>
        <vt:i4>1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5</vt:i4>
      </vt:variant>
    </vt:vector>
  </HeadingPairs>
  <TitlesOfParts>
    <vt:vector size="30" baseType="lpstr">
      <vt:lpstr>MS UI Gothic</vt:lpstr>
      <vt:lpstr>SimSun-ExtB</vt:lpstr>
      <vt:lpstr>Arial</vt:lpstr>
      <vt:lpstr>Arimo Bold</vt:lpstr>
      <vt:lpstr>Bookman Old Style</vt:lpstr>
      <vt:lpstr>Calibri</vt:lpstr>
      <vt:lpstr>Calibri Light</vt:lpstr>
      <vt:lpstr>Clear Sans Bold</vt:lpstr>
      <vt:lpstr>Constantia</vt:lpstr>
      <vt:lpstr>Pontano Sans</vt:lpstr>
      <vt:lpstr>Segoe UI Semibold</vt:lpstr>
      <vt:lpstr>Tahoma</vt:lpstr>
      <vt:lpstr>Times New Roman</vt:lpstr>
      <vt:lpstr>汉仪娃娃篆简</vt:lpstr>
      <vt:lpstr>Office Theme</vt:lpstr>
      <vt:lpstr>PowerPoint Presentation</vt:lpstr>
      <vt:lpstr>PowerPoint Presentation</vt:lpstr>
      <vt:lpstr>PowerPoint Presentation</vt:lpstr>
      <vt:lpstr>2. Mục tiêu chính của việc xây dựng bài giảng điện tử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Company>Microsoft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Admin</dc:creator>
  <cp:lastModifiedBy>Admin</cp:lastModifiedBy>
  <cp:revision>34</cp:revision>
  <dcterms:created xsi:type="dcterms:W3CDTF">2023-12-06T08:06:55Z</dcterms:created>
  <dcterms:modified xsi:type="dcterms:W3CDTF">2023-12-07T02:08:52Z</dcterms:modified>
</cp:coreProperties>
</file>